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09\4_地域生活支援グループ\27_特障手当\09_監査\01_一般指導監査\05_監査資料様式修正\03_サービス課へＣＭＳ掲載依頼\"/>
    </mc:Choice>
  </mc:AlternateContent>
  <bookViews>
    <workbookView xWindow="120" yWindow="12" windowWidth="12780" windowHeight="6072"/>
  </bookViews>
  <sheets>
    <sheet name="表紙" sheetId="4" r:id="rId1"/>
    <sheet name="ページ１" sheetId="2" r:id="rId2"/>
    <sheet name="ページ２" sheetId="5" r:id="rId3"/>
    <sheet name="ページ３" sheetId="6" r:id="rId4"/>
    <sheet name="ページ４" sheetId="7" r:id="rId5"/>
    <sheet name="ページ５" sheetId="3" r:id="rId6"/>
    <sheet name="ページ６" sheetId="8" r:id="rId7"/>
    <sheet name="ページ７" sheetId="9" r:id="rId8"/>
    <sheet name="ページ８" sheetId="10" r:id="rId9"/>
  </sheets>
  <definedNames>
    <definedName name="_xlnm.Print_Area" localSheetId="2">ページ２!$A$1:$M$26</definedName>
    <definedName name="_xlnm.Print_Area" localSheetId="7">ページ７!$A$1:$H$32</definedName>
    <definedName name="_xlnm.Print_Area" localSheetId="0">表紙!$A$1:$M$31</definedName>
  </definedNames>
  <calcPr calcId="162913"/>
</workbook>
</file>

<file path=xl/calcChain.xml><?xml version="1.0" encoding="utf-8"?>
<calcChain xmlns="http://schemas.openxmlformats.org/spreadsheetml/2006/main">
  <c r="L39" i="6" l="1"/>
  <c r="L37" i="6"/>
  <c r="L35" i="6"/>
  <c r="J41" i="6"/>
  <c r="H41" i="6"/>
  <c r="F41" i="6"/>
  <c r="D41" i="6"/>
  <c r="I23" i="6"/>
  <c r="I21" i="6"/>
  <c r="H23" i="6"/>
  <c r="H21" i="6"/>
  <c r="G23" i="6"/>
  <c r="G21" i="6"/>
  <c r="F23" i="6"/>
  <c r="F21" i="6"/>
  <c r="E23" i="6"/>
  <c r="E21" i="6"/>
  <c r="J19" i="6"/>
  <c r="J17" i="6"/>
  <c r="J15" i="6"/>
  <c r="J13" i="6"/>
  <c r="J11" i="6"/>
  <c r="J9" i="6"/>
  <c r="P32" i="2"/>
  <c r="R32" i="2" s="1"/>
  <c r="P16" i="2"/>
  <c r="R16" i="2" s="1"/>
  <c r="P30" i="2"/>
  <c r="P28" i="2"/>
  <c r="G30" i="2"/>
  <c r="R30" i="2" s="1"/>
  <c r="G28" i="2"/>
  <c r="G14" i="2"/>
  <c r="P14" i="2"/>
  <c r="G12" i="2"/>
  <c r="P12" i="2"/>
  <c r="L41" i="6" l="1"/>
  <c r="J21" i="6"/>
  <c r="J23" i="6"/>
  <c r="R28" i="2"/>
  <c r="R12" i="2"/>
  <c r="R14" i="2"/>
</calcChain>
</file>

<file path=xl/sharedStrings.xml><?xml version="1.0" encoding="utf-8"?>
<sst xmlns="http://schemas.openxmlformats.org/spreadsheetml/2006/main" count="432" uniqueCount="185">
  <si>
    <t>１　受給資格認定事務等の状況</t>
    <rPh sb="2" eb="4">
      <t>ジュキュウ</t>
    </rPh>
    <rPh sb="4" eb="6">
      <t>シカク</t>
    </rPh>
    <rPh sb="6" eb="8">
      <t>ニンテイ</t>
    </rPh>
    <rPh sb="8" eb="11">
      <t>ジムナド</t>
    </rPh>
    <rPh sb="12" eb="14">
      <t>ジョウキョウ</t>
    </rPh>
    <phoneticPr fontId="1"/>
  </si>
  <si>
    <t>（１）受給者の異動及び受給資格の認定の状況</t>
    <rPh sb="3" eb="6">
      <t>ジュキュウシャ</t>
    </rPh>
    <rPh sb="7" eb="9">
      <t>イドウ</t>
    </rPh>
    <rPh sb="9" eb="10">
      <t>オヨ</t>
    </rPh>
    <rPh sb="11" eb="13">
      <t>ジュキュウ</t>
    </rPh>
    <rPh sb="13" eb="15">
      <t>シカク</t>
    </rPh>
    <rPh sb="16" eb="18">
      <t>ニンテイ</t>
    </rPh>
    <rPh sb="19" eb="21">
      <t>ジョウキョウ</t>
    </rPh>
    <phoneticPr fontId="1"/>
  </si>
  <si>
    <t>障害児福祉手当</t>
    <rPh sb="0" eb="2">
      <t>ショウガイ</t>
    </rPh>
    <rPh sb="2" eb="3">
      <t>ジ</t>
    </rPh>
    <rPh sb="3" eb="5">
      <t>フクシ</t>
    </rPh>
    <rPh sb="5" eb="7">
      <t>テアテ</t>
    </rPh>
    <phoneticPr fontId="1"/>
  </si>
  <si>
    <t>特別障害者手当</t>
    <rPh sb="0" eb="2">
      <t>トクベツ</t>
    </rPh>
    <rPh sb="2" eb="4">
      <t>ショウガイ</t>
    </rPh>
    <rPh sb="4" eb="5">
      <t>シャ</t>
    </rPh>
    <rPh sb="5" eb="7">
      <t>テア</t>
    </rPh>
    <phoneticPr fontId="1"/>
  </si>
  <si>
    <t>経過的福祉手当</t>
    <rPh sb="0" eb="2">
      <t>ケイカ</t>
    </rPh>
    <rPh sb="2" eb="3">
      <t>テキ</t>
    </rPh>
    <rPh sb="3" eb="5">
      <t>フクシ</t>
    </rPh>
    <rPh sb="5" eb="7">
      <t>テアテ</t>
    </rPh>
    <phoneticPr fontId="1"/>
  </si>
  <si>
    <t>新規申請者数</t>
    <rPh sb="0" eb="2">
      <t>シンキ</t>
    </rPh>
    <rPh sb="2" eb="4">
      <t>シンセイ</t>
    </rPh>
    <rPh sb="4" eb="5">
      <t>シャ</t>
    </rPh>
    <rPh sb="5" eb="6">
      <t>スウ</t>
    </rPh>
    <phoneticPr fontId="1"/>
  </si>
  <si>
    <t>却下</t>
    <rPh sb="0" eb="2">
      <t>キャッカ</t>
    </rPh>
    <phoneticPr fontId="1"/>
  </si>
  <si>
    <t>未処理</t>
    <rPh sb="0" eb="3">
      <t>ミショリ</t>
    </rPh>
    <phoneticPr fontId="1"/>
  </si>
  <si>
    <t>新規認定者数</t>
    <rPh sb="0" eb="2">
      <t>シンキ</t>
    </rPh>
    <rPh sb="2" eb="5">
      <t>ニンテイシャ</t>
    </rPh>
    <rPh sb="5" eb="6">
      <t>スウ</t>
    </rPh>
    <phoneticPr fontId="1"/>
  </si>
  <si>
    <t>支給
停止
解除</t>
    <rPh sb="0" eb="2">
      <t>シキュウ</t>
    </rPh>
    <rPh sb="3" eb="5">
      <t>テイシ</t>
    </rPh>
    <rPh sb="6" eb="8">
      <t>カイジョ</t>
    </rPh>
    <phoneticPr fontId="1"/>
  </si>
  <si>
    <t>転入</t>
    <rPh sb="0" eb="1">
      <t>テン</t>
    </rPh>
    <rPh sb="1" eb="2">
      <t>ニュウ</t>
    </rPh>
    <phoneticPr fontId="1"/>
  </si>
  <si>
    <t>受給資格喪失等</t>
    <rPh sb="0" eb="2">
      <t>ジュキュウ</t>
    </rPh>
    <rPh sb="2" eb="4">
      <t>シカク</t>
    </rPh>
    <rPh sb="4" eb="6">
      <t>ソウシツ</t>
    </rPh>
    <rPh sb="6" eb="7">
      <t>トウ</t>
    </rPh>
    <phoneticPr fontId="1"/>
  </si>
  <si>
    <t>法第17条第２号若しくは第26条の２各号、規則第１条各号又は改正省令附則第２条各号に定める施設に入所した</t>
    <rPh sb="0" eb="1">
      <t>ホウ</t>
    </rPh>
    <rPh sb="1" eb="2">
      <t>ダイ</t>
    </rPh>
    <rPh sb="4" eb="5">
      <t>ジョウ</t>
    </rPh>
    <rPh sb="5" eb="6">
      <t>ダイ</t>
    </rPh>
    <rPh sb="7" eb="8">
      <t>ゴウ</t>
    </rPh>
    <rPh sb="8" eb="9">
      <t>モ</t>
    </rPh>
    <rPh sb="12" eb="13">
      <t>ダイ</t>
    </rPh>
    <rPh sb="15" eb="16">
      <t>ジョウ</t>
    </rPh>
    <rPh sb="18" eb="20">
      <t>カクゴウ</t>
    </rPh>
    <rPh sb="21" eb="23">
      <t>キソク</t>
    </rPh>
    <rPh sb="23" eb="24">
      <t>ダイ</t>
    </rPh>
    <rPh sb="25" eb="26">
      <t>ジョウ</t>
    </rPh>
    <rPh sb="26" eb="28">
      <t>カクゴウ</t>
    </rPh>
    <rPh sb="28" eb="29">
      <t>マタ</t>
    </rPh>
    <rPh sb="30" eb="32">
      <t>カイセイ</t>
    </rPh>
    <rPh sb="32" eb="34">
      <t>ショウレイ</t>
    </rPh>
    <rPh sb="34" eb="36">
      <t>フソク</t>
    </rPh>
    <rPh sb="36" eb="37">
      <t>ダイ</t>
    </rPh>
    <rPh sb="38" eb="39">
      <t>ジョウ</t>
    </rPh>
    <rPh sb="39" eb="41">
      <t>カクゴウ</t>
    </rPh>
    <rPh sb="42" eb="43">
      <t>サダ</t>
    </rPh>
    <rPh sb="45" eb="47">
      <t>シセツ</t>
    </rPh>
    <rPh sb="48" eb="50">
      <t>ニュウショ</t>
    </rPh>
    <phoneticPr fontId="1"/>
  </si>
  <si>
    <t>令６条又は改正政令附則第３条に定める給付を受けるようになった</t>
    <rPh sb="0" eb="1">
      <t>レイ</t>
    </rPh>
    <rPh sb="2" eb="3">
      <t>ジョウ</t>
    </rPh>
    <rPh sb="3" eb="4">
      <t>マタ</t>
    </rPh>
    <rPh sb="5" eb="7">
      <t>カイセイ</t>
    </rPh>
    <rPh sb="7" eb="9">
      <t>セイレイ</t>
    </rPh>
    <rPh sb="9" eb="11">
      <t>フソク</t>
    </rPh>
    <rPh sb="11" eb="12">
      <t>ダイ</t>
    </rPh>
    <rPh sb="13" eb="14">
      <t>ジョウ</t>
    </rPh>
    <rPh sb="15" eb="16">
      <t>サダ</t>
    </rPh>
    <rPh sb="18" eb="20">
      <t>キュウフ</t>
    </rPh>
    <rPh sb="21" eb="22">
      <t>ウ</t>
    </rPh>
    <phoneticPr fontId="1"/>
  </si>
  <si>
    <t>令第１条第１項若しくは第２項又は旧法別表２に定める障害の状態に該当しなくなった</t>
    <rPh sb="0" eb="1">
      <t>レイ</t>
    </rPh>
    <rPh sb="1" eb="2">
      <t>ダイ</t>
    </rPh>
    <rPh sb="3" eb="4">
      <t>ジョウ</t>
    </rPh>
    <rPh sb="4" eb="5">
      <t>ダイ</t>
    </rPh>
    <rPh sb="6" eb="7">
      <t>コウ</t>
    </rPh>
    <rPh sb="7" eb="8">
      <t>モ</t>
    </rPh>
    <rPh sb="11" eb="12">
      <t>ダイ</t>
    </rPh>
    <rPh sb="13" eb="14">
      <t>コウ</t>
    </rPh>
    <rPh sb="14" eb="15">
      <t>マタ</t>
    </rPh>
    <rPh sb="16" eb="18">
      <t>キュウホウ</t>
    </rPh>
    <rPh sb="18" eb="20">
      <t>ベッピョウ</t>
    </rPh>
    <rPh sb="22" eb="23">
      <t>サダ</t>
    </rPh>
    <rPh sb="25" eb="27">
      <t>ショウガイ</t>
    </rPh>
    <rPh sb="28" eb="30">
      <t>ジョウタイ</t>
    </rPh>
    <rPh sb="31" eb="33">
      <t>ガイトウ</t>
    </rPh>
    <phoneticPr fontId="1"/>
  </si>
  <si>
    <t>死亡</t>
    <rPh sb="0" eb="2">
      <t>シボウ</t>
    </rPh>
    <phoneticPr fontId="1"/>
  </si>
  <si>
    <t>転出</t>
    <rPh sb="0" eb="2">
      <t>テンシュツ</t>
    </rPh>
    <phoneticPr fontId="1"/>
  </si>
  <si>
    <t>その他</t>
    <rPh sb="2" eb="3">
      <t>タ</t>
    </rPh>
    <phoneticPr fontId="1"/>
  </si>
  <si>
    <t>計</t>
    <rPh sb="0" eb="1">
      <t>ケイ</t>
    </rPh>
    <phoneticPr fontId="1"/>
  </si>
  <si>
    <t>支給停止</t>
    <rPh sb="0" eb="2">
      <t>シキュウ</t>
    </rPh>
    <rPh sb="2" eb="4">
      <t>テイシ</t>
    </rPh>
    <phoneticPr fontId="1"/>
  </si>
  <si>
    <t>（　　）</t>
    <phoneticPr fontId="1"/>
  </si>
  <si>
    <t>（注）「新規申請者数」欄の上段（　）には、前年度未処理件数を別掲とすること（イの表に同じ。）</t>
    <rPh sb="1" eb="2">
      <t>チュウ</t>
    </rPh>
    <rPh sb="4" eb="6">
      <t>シンキ</t>
    </rPh>
    <rPh sb="6" eb="8">
      <t>シンセイ</t>
    </rPh>
    <rPh sb="8" eb="9">
      <t>シャ</t>
    </rPh>
    <rPh sb="9" eb="10">
      <t>スウ</t>
    </rPh>
    <rPh sb="11" eb="12">
      <t>ラン</t>
    </rPh>
    <rPh sb="13" eb="15">
      <t>ジョウダン</t>
    </rPh>
    <rPh sb="21" eb="24">
      <t>ゼンネンド</t>
    </rPh>
    <rPh sb="24" eb="27">
      <t>ミショリ</t>
    </rPh>
    <rPh sb="27" eb="29">
      <t>ケンスウ</t>
    </rPh>
    <rPh sb="30" eb="32">
      <t>ベッケイ</t>
    </rPh>
    <rPh sb="40" eb="41">
      <t>ヒョウ</t>
    </rPh>
    <rPh sb="42" eb="43">
      <t>オナ</t>
    </rPh>
    <phoneticPr fontId="1"/>
  </si>
  <si>
    <t>a</t>
    <phoneticPr fontId="1"/>
  </si>
  <si>
    <t>b</t>
    <phoneticPr fontId="1"/>
  </si>
  <si>
    <t>c</t>
    <phoneticPr fontId="1"/>
  </si>
  <si>
    <t>d</t>
    <phoneticPr fontId="1"/>
  </si>
  <si>
    <t>e=b-c-d</t>
    <phoneticPr fontId="1"/>
  </si>
  <si>
    <t>f</t>
    <phoneticPr fontId="1"/>
  </si>
  <si>
    <t>g</t>
    <phoneticPr fontId="1"/>
  </si>
  <si>
    <t>h</t>
    <phoneticPr fontId="1"/>
  </si>
  <si>
    <t>j</t>
    <phoneticPr fontId="1"/>
  </si>
  <si>
    <t>k</t>
    <phoneticPr fontId="1"/>
  </si>
  <si>
    <t>l</t>
    <phoneticPr fontId="1"/>
  </si>
  <si>
    <t>m</t>
    <phoneticPr fontId="1"/>
  </si>
  <si>
    <t>n</t>
    <phoneticPr fontId="1"/>
  </si>
  <si>
    <t>o</t>
    <phoneticPr fontId="1"/>
  </si>
  <si>
    <t>q</t>
    <phoneticPr fontId="1"/>
  </si>
  <si>
    <t>特別障害者手当等支給事務　監査資料</t>
    <rPh sb="0" eb="2">
      <t>トクベツ</t>
    </rPh>
    <rPh sb="2" eb="5">
      <t>ショウガイシャ</t>
    </rPh>
    <rPh sb="5" eb="7">
      <t>テア</t>
    </rPh>
    <rPh sb="7" eb="8">
      <t>トウ</t>
    </rPh>
    <rPh sb="8" eb="10">
      <t>シキュウ</t>
    </rPh>
    <rPh sb="10" eb="12">
      <t>ジム</t>
    </rPh>
    <rPh sb="13" eb="15">
      <t>カンサ</t>
    </rPh>
    <rPh sb="15" eb="17">
      <t>シリョウ</t>
    </rPh>
    <phoneticPr fontId="1"/>
  </si>
  <si>
    <t>（１）新規申請者の受給資格判定方法及び却下事由</t>
    <rPh sb="3" eb="5">
      <t>シンキ</t>
    </rPh>
    <rPh sb="5" eb="8">
      <t>シンセイシャ</t>
    </rPh>
    <rPh sb="9" eb="11">
      <t>ジュキュウ</t>
    </rPh>
    <rPh sb="11" eb="13">
      <t>シカク</t>
    </rPh>
    <rPh sb="13" eb="15">
      <t>ハンテイ</t>
    </rPh>
    <rPh sb="15" eb="17">
      <t>ホウホウ</t>
    </rPh>
    <rPh sb="17" eb="18">
      <t>オヨ</t>
    </rPh>
    <rPh sb="19" eb="21">
      <t>キャッカ</t>
    </rPh>
    <rPh sb="21" eb="23">
      <t>ジユウ</t>
    </rPh>
    <phoneticPr fontId="1"/>
  </si>
  <si>
    <t>新規申請者にかかる判定方法別内訳（ページ１のアのｂ及びイのｂ）</t>
    <rPh sb="0" eb="2">
      <t>シンキ</t>
    </rPh>
    <rPh sb="2" eb="5">
      <t>シンセイシャ</t>
    </rPh>
    <rPh sb="9" eb="11">
      <t>ハンテイ</t>
    </rPh>
    <rPh sb="11" eb="13">
      <t>ホウホウ</t>
    </rPh>
    <rPh sb="13" eb="14">
      <t>ベツ</t>
    </rPh>
    <rPh sb="14" eb="16">
      <t>ウチワケ</t>
    </rPh>
    <rPh sb="25" eb="26">
      <t>オヨ</t>
    </rPh>
    <phoneticPr fontId="1"/>
  </si>
  <si>
    <t>却下の事由別内訳（ページ１のアのｃ及びイのｃ）</t>
    <rPh sb="0" eb="2">
      <t>キャッカ</t>
    </rPh>
    <rPh sb="3" eb="5">
      <t>ジユウ</t>
    </rPh>
    <rPh sb="5" eb="6">
      <t>ベツ</t>
    </rPh>
    <rPh sb="6" eb="8">
      <t>ウチワケ</t>
    </rPh>
    <rPh sb="17" eb="18">
      <t>オヨ</t>
    </rPh>
    <phoneticPr fontId="1"/>
  </si>
  <si>
    <t>診断書</t>
    <rPh sb="0" eb="3">
      <t>シンダンショ</t>
    </rPh>
    <phoneticPr fontId="1"/>
  </si>
  <si>
    <t>身障手帳等</t>
    <rPh sb="0" eb="2">
      <t>シンショウ</t>
    </rPh>
    <rPh sb="2" eb="5">
      <t>テチョウトウ</t>
    </rPh>
    <phoneticPr fontId="1"/>
  </si>
  <si>
    <t>判定機関</t>
    <rPh sb="0" eb="2">
      <t>ハンテイ</t>
    </rPh>
    <rPh sb="2" eb="4">
      <t>キカン</t>
    </rPh>
    <phoneticPr fontId="1"/>
  </si>
  <si>
    <t>本庁協議</t>
    <rPh sb="0" eb="2">
      <t>ホンチョウ</t>
    </rPh>
    <rPh sb="2" eb="4">
      <t>キョウギ</t>
    </rPh>
    <phoneticPr fontId="1"/>
  </si>
  <si>
    <t>障害程度非該当</t>
    <rPh sb="0" eb="2">
      <t>ショウガイ</t>
    </rPh>
    <rPh sb="2" eb="4">
      <t>テイド</t>
    </rPh>
    <rPh sb="4" eb="5">
      <t>ヒ</t>
    </rPh>
    <rPh sb="5" eb="7">
      <t>ガイトウ</t>
    </rPh>
    <phoneticPr fontId="1"/>
  </si>
  <si>
    <t>障害を支給事由とする給付の受給</t>
    <rPh sb="0" eb="2">
      <t>ショウガイ</t>
    </rPh>
    <rPh sb="3" eb="5">
      <t>シキュウ</t>
    </rPh>
    <rPh sb="5" eb="7">
      <t>ジユウ</t>
    </rPh>
    <rPh sb="10" eb="12">
      <t>キュウフ</t>
    </rPh>
    <rPh sb="13" eb="15">
      <t>ジュキュウ</t>
    </rPh>
    <phoneticPr fontId="1"/>
  </si>
  <si>
    <t>社会福祉施設等への入所等</t>
    <rPh sb="0" eb="2">
      <t>シャカイ</t>
    </rPh>
    <rPh sb="2" eb="4">
      <t>フクシ</t>
    </rPh>
    <rPh sb="4" eb="6">
      <t>シセツ</t>
    </rPh>
    <rPh sb="6" eb="7">
      <t>トウ</t>
    </rPh>
    <rPh sb="9" eb="11">
      <t>ニュウショ</t>
    </rPh>
    <rPh sb="11" eb="12">
      <t>トウ</t>
    </rPh>
    <phoneticPr fontId="1"/>
  </si>
  <si>
    <t>病院又は診療所への３ヶ月を超える入院</t>
    <rPh sb="0" eb="2">
      <t>ビョウイン</t>
    </rPh>
    <rPh sb="2" eb="3">
      <t>マタ</t>
    </rPh>
    <rPh sb="4" eb="6">
      <t>シンリョウ</t>
    </rPh>
    <rPh sb="6" eb="7">
      <t>ショ</t>
    </rPh>
    <rPh sb="11" eb="12">
      <t>ゲツ</t>
    </rPh>
    <rPh sb="13" eb="14">
      <t>コ</t>
    </rPh>
    <rPh sb="16" eb="18">
      <t>ニュウイン</t>
    </rPh>
    <phoneticPr fontId="1"/>
  </si>
  <si>
    <t>その他
[　　　]</t>
    <rPh sb="2" eb="3">
      <t>タ</t>
    </rPh>
    <phoneticPr fontId="1"/>
  </si>
  <si>
    <t>―</t>
    <phoneticPr fontId="1"/>
  </si>
  <si>
    <t>（注）１　本表は、前ページ１ア、イの表のｂ（新規申請者数）及びｃ（却下）の内訳を記入すること。</t>
    <rPh sb="1" eb="2">
      <t>チュウ</t>
    </rPh>
    <rPh sb="5" eb="6">
      <t>ホン</t>
    </rPh>
    <rPh sb="6" eb="7">
      <t>ヒョウ</t>
    </rPh>
    <rPh sb="9" eb="10">
      <t>ゼン</t>
    </rPh>
    <rPh sb="18" eb="19">
      <t>ヒョウ</t>
    </rPh>
    <rPh sb="22" eb="24">
      <t>シンキ</t>
    </rPh>
    <rPh sb="24" eb="27">
      <t>シンセイシャ</t>
    </rPh>
    <rPh sb="27" eb="28">
      <t>スウ</t>
    </rPh>
    <rPh sb="29" eb="30">
      <t>オヨ</t>
    </rPh>
    <rPh sb="33" eb="35">
      <t>キャッカ</t>
    </rPh>
    <rPh sb="37" eb="39">
      <t>ウチワケ</t>
    </rPh>
    <rPh sb="40" eb="42">
      <t>キニュウ</t>
    </rPh>
    <phoneticPr fontId="1"/>
  </si>
  <si>
    <t>　　　２　「身障手帳等」欄は、身体障害者所持者、障害を支給事由とする給付受給者、特別児童扶養手当受給対象障害児及び療養手帳所持者であって、</t>
    <rPh sb="6" eb="8">
      <t>シンショウ</t>
    </rPh>
    <rPh sb="8" eb="10">
      <t>テチョウ</t>
    </rPh>
    <rPh sb="10" eb="11">
      <t>トウ</t>
    </rPh>
    <rPh sb="12" eb="13">
      <t>ラン</t>
    </rPh>
    <rPh sb="15" eb="17">
      <t>シンタイ</t>
    </rPh>
    <rPh sb="17" eb="20">
      <t>ショウガイシャ</t>
    </rPh>
    <rPh sb="20" eb="23">
      <t>ショジシャ</t>
    </rPh>
    <rPh sb="24" eb="26">
      <t>ショウガイ</t>
    </rPh>
    <rPh sb="27" eb="29">
      <t>シキュウ</t>
    </rPh>
    <rPh sb="29" eb="31">
      <t>ジユウ</t>
    </rPh>
    <rPh sb="34" eb="36">
      <t>キュウフ</t>
    </rPh>
    <rPh sb="36" eb="39">
      <t>ジュキュウシャ</t>
    </rPh>
    <rPh sb="40" eb="42">
      <t>トクベツ</t>
    </rPh>
    <rPh sb="42" eb="44">
      <t>ジドウ</t>
    </rPh>
    <rPh sb="44" eb="46">
      <t>フヨウ</t>
    </rPh>
    <rPh sb="46" eb="48">
      <t>テアテ</t>
    </rPh>
    <rPh sb="48" eb="50">
      <t>ジュキュウ</t>
    </rPh>
    <rPh sb="50" eb="52">
      <t>タイショウ</t>
    </rPh>
    <rPh sb="52" eb="55">
      <t>ショウガイジ</t>
    </rPh>
    <rPh sb="55" eb="56">
      <t>オヨ</t>
    </rPh>
    <rPh sb="57" eb="59">
      <t>リョウヨウ</t>
    </rPh>
    <rPh sb="59" eb="61">
      <t>テチョウ</t>
    </rPh>
    <rPh sb="61" eb="64">
      <t>ショジシャ</t>
    </rPh>
    <phoneticPr fontId="1"/>
  </si>
  <si>
    <t>　　　　当該各制度における障害程度が確認できるとして診断書を省略したもの。</t>
    <rPh sb="4" eb="6">
      <t>トウガイ</t>
    </rPh>
    <rPh sb="6" eb="7">
      <t>カク</t>
    </rPh>
    <rPh sb="7" eb="9">
      <t>セイド</t>
    </rPh>
    <rPh sb="13" eb="15">
      <t>ショウガイ</t>
    </rPh>
    <rPh sb="15" eb="17">
      <t>テイド</t>
    </rPh>
    <rPh sb="18" eb="20">
      <t>カクニン</t>
    </rPh>
    <rPh sb="26" eb="29">
      <t>シンダンショ</t>
    </rPh>
    <rPh sb="30" eb="32">
      <t>ショウリャク</t>
    </rPh>
    <phoneticPr fontId="1"/>
  </si>
  <si>
    <t>　　　４　却下事由別内訳の「その他」欄は、[　　]内に主な事由を記入すること。</t>
    <rPh sb="5" eb="7">
      <t>キャッカ</t>
    </rPh>
    <rPh sb="7" eb="9">
      <t>ジユウ</t>
    </rPh>
    <rPh sb="9" eb="10">
      <t>ベツ</t>
    </rPh>
    <rPh sb="10" eb="12">
      <t>ウチワケ</t>
    </rPh>
    <rPh sb="16" eb="17">
      <t>タ</t>
    </rPh>
    <rPh sb="18" eb="19">
      <t>ラン</t>
    </rPh>
    <rPh sb="25" eb="26">
      <t>ナイ</t>
    </rPh>
    <rPh sb="27" eb="28">
      <t>オモ</t>
    </rPh>
    <rPh sb="29" eb="31">
      <t>ジユウ</t>
    </rPh>
    <rPh sb="32" eb="34">
      <t>キニュウ</t>
    </rPh>
    <phoneticPr fontId="1"/>
  </si>
  <si>
    <t>件</t>
    <rPh sb="0" eb="1">
      <t>ケン</t>
    </rPh>
    <phoneticPr fontId="1"/>
  </si>
  <si>
    <t>（３）有期認定の状況</t>
    <rPh sb="3" eb="5">
      <t>ユウキ</t>
    </rPh>
    <rPh sb="5" eb="7">
      <t>ニンテイ</t>
    </rPh>
    <rPh sb="8" eb="10">
      <t>ジョウキョウ</t>
    </rPh>
    <phoneticPr fontId="1"/>
  </si>
  <si>
    <t>ア　障害児福祉手当及び経過的福祉手当</t>
    <rPh sb="2" eb="4">
      <t>ショウガイ</t>
    </rPh>
    <rPh sb="4" eb="5">
      <t>ジ</t>
    </rPh>
    <rPh sb="5" eb="7">
      <t>フクシ</t>
    </rPh>
    <rPh sb="7" eb="9">
      <t>テアテ</t>
    </rPh>
    <rPh sb="9" eb="10">
      <t>オヨ</t>
    </rPh>
    <rPh sb="11" eb="14">
      <t>ケイカテキ</t>
    </rPh>
    <rPh sb="14" eb="16">
      <t>フクシ</t>
    </rPh>
    <rPh sb="16" eb="18">
      <t>テアテ</t>
    </rPh>
    <phoneticPr fontId="1"/>
  </si>
  <si>
    <t>手当名</t>
    <rPh sb="0" eb="2">
      <t>テアテ</t>
    </rPh>
    <rPh sb="2" eb="3">
      <t>メイ</t>
    </rPh>
    <phoneticPr fontId="1"/>
  </si>
  <si>
    <t>外部障害</t>
    <rPh sb="0" eb="2">
      <t>ガイブ</t>
    </rPh>
    <rPh sb="2" eb="4">
      <t>ショウガイ</t>
    </rPh>
    <phoneticPr fontId="1"/>
  </si>
  <si>
    <t>内部障害</t>
    <rPh sb="0" eb="2">
      <t>ナイブ</t>
    </rPh>
    <rPh sb="2" eb="4">
      <t>ショウガイ</t>
    </rPh>
    <phoneticPr fontId="1"/>
  </si>
  <si>
    <t>知的障害</t>
    <rPh sb="0" eb="2">
      <t>チテキ</t>
    </rPh>
    <rPh sb="2" eb="4">
      <t>ショウガイ</t>
    </rPh>
    <phoneticPr fontId="1"/>
  </si>
  <si>
    <t>知的障害以外の精神障害</t>
    <rPh sb="0" eb="2">
      <t>チテキ</t>
    </rPh>
    <rPh sb="2" eb="4">
      <t>ショウガイ</t>
    </rPh>
    <rPh sb="4" eb="6">
      <t>イガイ</t>
    </rPh>
    <rPh sb="7" eb="9">
      <t>セイシン</t>
    </rPh>
    <rPh sb="9" eb="11">
      <t>ショウガイ</t>
    </rPh>
    <phoneticPr fontId="1"/>
  </si>
  <si>
    <t>重複障害</t>
    <rPh sb="0" eb="2">
      <t>ジュウフク</t>
    </rPh>
    <rPh sb="2" eb="4">
      <t>ショウガイ</t>
    </rPh>
    <phoneticPr fontId="1"/>
  </si>
  <si>
    <t>３年未満</t>
    <rPh sb="1" eb="2">
      <t>ネン</t>
    </rPh>
    <rPh sb="2" eb="4">
      <t>ミマン</t>
    </rPh>
    <phoneticPr fontId="1"/>
  </si>
  <si>
    <t>３～４年</t>
    <rPh sb="3" eb="4">
      <t>ネン</t>
    </rPh>
    <phoneticPr fontId="1"/>
  </si>
  <si>
    <t>５年以上</t>
    <rPh sb="1" eb="2">
      <t>ネン</t>
    </rPh>
    <rPh sb="2" eb="4">
      <t>イジョウ</t>
    </rPh>
    <phoneticPr fontId="1"/>
  </si>
  <si>
    <t>有期認定の期間</t>
    <rPh sb="0" eb="2">
      <t>ユウキ</t>
    </rPh>
    <rPh sb="2" eb="4">
      <t>ニンテイ</t>
    </rPh>
    <rPh sb="5" eb="7">
      <t>キカン</t>
    </rPh>
    <phoneticPr fontId="1"/>
  </si>
  <si>
    <t>（注）本表は、受給資格者のうち、有期認定の取扱いがなされているものについて障害別に記入すること。</t>
    <rPh sb="1" eb="2">
      <t>チュウ</t>
    </rPh>
    <rPh sb="3" eb="4">
      <t>ホン</t>
    </rPh>
    <rPh sb="4" eb="5">
      <t>ヒョウ</t>
    </rPh>
    <rPh sb="7" eb="9">
      <t>ジュキュウ</t>
    </rPh>
    <rPh sb="9" eb="12">
      <t>シカクシャ</t>
    </rPh>
    <rPh sb="16" eb="18">
      <t>ユウキ</t>
    </rPh>
    <rPh sb="18" eb="20">
      <t>ニンテイ</t>
    </rPh>
    <rPh sb="21" eb="23">
      <t>トリアツカ</t>
    </rPh>
    <rPh sb="37" eb="39">
      <t>ショウガイ</t>
    </rPh>
    <rPh sb="39" eb="40">
      <t>ベツ</t>
    </rPh>
    <rPh sb="41" eb="43">
      <t>キニュウ</t>
    </rPh>
    <phoneticPr fontId="1"/>
  </si>
  <si>
    <t>イ　特別障害者手当</t>
    <rPh sb="2" eb="4">
      <t>トクベツ</t>
    </rPh>
    <rPh sb="4" eb="7">
      <t>ショウガイシャ</t>
    </rPh>
    <rPh sb="7" eb="9">
      <t>テアテ</t>
    </rPh>
    <phoneticPr fontId="1"/>
  </si>
  <si>
    <t>令第１条第２項第１号に該当</t>
    <rPh sb="0" eb="1">
      <t>レイ</t>
    </rPh>
    <rPh sb="1" eb="2">
      <t>ダイ</t>
    </rPh>
    <rPh sb="3" eb="4">
      <t>ジョウ</t>
    </rPh>
    <rPh sb="4" eb="5">
      <t>ダイ</t>
    </rPh>
    <rPh sb="6" eb="7">
      <t>コウ</t>
    </rPh>
    <rPh sb="7" eb="8">
      <t>ダイ</t>
    </rPh>
    <rPh sb="9" eb="10">
      <t>ゴウ</t>
    </rPh>
    <rPh sb="11" eb="13">
      <t>ガイトウ</t>
    </rPh>
    <phoneticPr fontId="1"/>
  </si>
  <si>
    <t>別表第２各号の障害の重複</t>
    <rPh sb="0" eb="2">
      <t>ベッピョウ</t>
    </rPh>
    <rPh sb="2" eb="3">
      <t>ダイ</t>
    </rPh>
    <rPh sb="4" eb="6">
      <t>カクゴウ</t>
    </rPh>
    <rPh sb="7" eb="9">
      <t>ショウガイ</t>
    </rPh>
    <rPh sb="10" eb="12">
      <t>ジュウフク</t>
    </rPh>
    <phoneticPr fontId="1"/>
  </si>
  <si>
    <t>令第１条第２項第２号に該当</t>
    <rPh sb="0" eb="1">
      <t>レイ</t>
    </rPh>
    <rPh sb="1" eb="2">
      <t>ダイ</t>
    </rPh>
    <rPh sb="3" eb="4">
      <t>ジョウ</t>
    </rPh>
    <rPh sb="4" eb="5">
      <t>ダイ</t>
    </rPh>
    <rPh sb="6" eb="7">
      <t>コウ</t>
    </rPh>
    <rPh sb="7" eb="8">
      <t>ダイ</t>
    </rPh>
    <rPh sb="9" eb="10">
      <t>ゴウ</t>
    </rPh>
    <rPh sb="11" eb="13">
      <t>ガイトウ</t>
    </rPh>
    <phoneticPr fontId="1"/>
  </si>
  <si>
    <t>別表第２各号いずれか１つの障害と障害基礎年金２級程度の障害の重複</t>
    <rPh sb="0" eb="2">
      <t>ベッピョウ</t>
    </rPh>
    <rPh sb="2" eb="3">
      <t>ダイ</t>
    </rPh>
    <rPh sb="4" eb="6">
      <t>カクゴウ</t>
    </rPh>
    <rPh sb="13" eb="15">
      <t>ショウガイ</t>
    </rPh>
    <rPh sb="16" eb="18">
      <t>ショウガイ</t>
    </rPh>
    <rPh sb="18" eb="20">
      <t>キソ</t>
    </rPh>
    <rPh sb="20" eb="22">
      <t>ネンキン</t>
    </rPh>
    <rPh sb="23" eb="24">
      <t>キュウ</t>
    </rPh>
    <rPh sb="24" eb="26">
      <t>テイド</t>
    </rPh>
    <rPh sb="27" eb="29">
      <t>ショウガイ</t>
    </rPh>
    <rPh sb="30" eb="32">
      <t>ジュウフク</t>
    </rPh>
    <phoneticPr fontId="1"/>
  </si>
  <si>
    <t>別表第２の３～５号のいずれか１つの障害と日常生活動作能力</t>
    <rPh sb="0" eb="2">
      <t>ベッピョウ</t>
    </rPh>
    <rPh sb="2" eb="3">
      <t>ダイ</t>
    </rPh>
    <rPh sb="8" eb="9">
      <t>ゴウ</t>
    </rPh>
    <rPh sb="17" eb="19">
      <t>ショウガイ</t>
    </rPh>
    <rPh sb="20" eb="22">
      <t>ニチジョウ</t>
    </rPh>
    <rPh sb="22" eb="24">
      <t>セイカツ</t>
    </rPh>
    <rPh sb="24" eb="26">
      <t>ドウサ</t>
    </rPh>
    <rPh sb="26" eb="28">
      <t>ノウリョク</t>
    </rPh>
    <phoneticPr fontId="1"/>
  </si>
  <si>
    <t>令第１条第２項第３号に該当</t>
    <rPh sb="0" eb="1">
      <t>レイ</t>
    </rPh>
    <rPh sb="1" eb="2">
      <t>ダイ</t>
    </rPh>
    <rPh sb="3" eb="4">
      <t>ジョウ</t>
    </rPh>
    <rPh sb="4" eb="5">
      <t>ダイ</t>
    </rPh>
    <rPh sb="6" eb="7">
      <t>コウ</t>
    </rPh>
    <rPh sb="7" eb="8">
      <t>ダイ</t>
    </rPh>
    <rPh sb="9" eb="10">
      <t>ゴウ</t>
    </rPh>
    <rPh sb="11" eb="13">
      <t>ガイトウ</t>
    </rPh>
    <phoneticPr fontId="1"/>
  </si>
  <si>
    <t>別表第１の８号の障害と安静度</t>
    <rPh sb="0" eb="2">
      <t>ベッピョウ</t>
    </rPh>
    <rPh sb="2" eb="3">
      <t>ダイ</t>
    </rPh>
    <rPh sb="6" eb="7">
      <t>ゴウ</t>
    </rPh>
    <rPh sb="8" eb="10">
      <t>ショウガイ</t>
    </rPh>
    <rPh sb="11" eb="13">
      <t>アンセイ</t>
    </rPh>
    <rPh sb="13" eb="14">
      <t>ド</t>
    </rPh>
    <phoneticPr fontId="1"/>
  </si>
  <si>
    <t>別表第１の９号の障害と日常生活動作</t>
    <rPh sb="0" eb="2">
      <t>ベッピョウ</t>
    </rPh>
    <rPh sb="2" eb="3">
      <t>ダイ</t>
    </rPh>
    <rPh sb="6" eb="7">
      <t>ゴウ</t>
    </rPh>
    <rPh sb="8" eb="10">
      <t>ショウガイ</t>
    </rPh>
    <rPh sb="11" eb="13">
      <t>ニチジョウ</t>
    </rPh>
    <rPh sb="13" eb="15">
      <t>セイカツ</t>
    </rPh>
    <rPh sb="15" eb="17">
      <t>ドウサ</t>
    </rPh>
    <phoneticPr fontId="1"/>
  </si>
  <si>
    <t>（注）本表は、受給資格者のうち、有期認定の取扱いがなされているものについて項目別に記入すること。</t>
    <rPh sb="1" eb="2">
      <t>チュウ</t>
    </rPh>
    <rPh sb="3" eb="4">
      <t>ホン</t>
    </rPh>
    <rPh sb="4" eb="5">
      <t>ヒョウ</t>
    </rPh>
    <rPh sb="7" eb="9">
      <t>ジュキュウ</t>
    </rPh>
    <rPh sb="9" eb="12">
      <t>シカクシャ</t>
    </rPh>
    <rPh sb="16" eb="18">
      <t>ユウキ</t>
    </rPh>
    <rPh sb="18" eb="20">
      <t>ニンテイ</t>
    </rPh>
    <rPh sb="21" eb="23">
      <t>トリアツカ</t>
    </rPh>
    <rPh sb="37" eb="39">
      <t>コウモク</t>
    </rPh>
    <rPh sb="39" eb="40">
      <t>ベツ</t>
    </rPh>
    <rPh sb="41" eb="43">
      <t>キニュウ</t>
    </rPh>
    <phoneticPr fontId="1"/>
  </si>
  <si>
    <t>（１）受給資格認定の際、診断書を省略した事由</t>
    <rPh sb="3" eb="5">
      <t>ジュキュウ</t>
    </rPh>
    <rPh sb="5" eb="7">
      <t>シカク</t>
    </rPh>
    <rPh sb="7" eb="9">
      <t>ニンテイ</t>
    </rPh>
    <rPh sb="10" eb="11">
      <t>サイ</t>
    </rPh>
    <rPh sb="12" eb="15">
      <t>シンダンショ</t>
    </rPh>
    <rPh sb="16" eb="18">
      <t>ショウリャク</t>
    </rPh>
    <rPh sb="20" eb="22">
      <t>ジユウ</t>
    </rPh>
    <phoneticPr fontId="1"/>
  </si>
  <si>
    <t>省略件数</t>
    <rPh sb="0" eb="2">
      <t>ショウリャク</t>
    </rPh>
    <rPh sb="2" eb="4">
      <t>ケンスウ</t>
    </rPh>
    <phoneticPr fontId="1"/>
  </si>
  <si>
    <t>（重複障害）
障害程度に変化がない場合</t>
    <rPh sb="1" eb="3">
      <t>ジュウフク</t>
    </rPh>
    <rPh sb="3" eb="5">
      <t>ショウガイ</t>
    </rPh>
    <rPh sb="7" eb="9">
      <t>ショウガイ</t>
    </rPh>
    <rPh sb="9" eb="11">
      <t>テイド</t>
    </rPh>
    <rPh sb="12" eb="14">
      <t>ヘンカ</t>
    </rPh>
    <rPh sb="17" eb="19">
      <t>バアイ</t>
    </rPh>
    <phoneticPr fontId="1"/>
  </si>
  <si>
    <t>障害程度の診断書の確認が可能であり
障害程度に変化がない場合</t>
    <rPh sb="0" eb="2">
      <t>ショウガイ</t>
    </rPh>
    <rPh sb="2" eb="4">
      <t>テイド</t>
    </rPh>
    <rPh sb="5" eb="8">
      <t>シンダンショ</t>
    </rPh>
    <rPh sb="9" eb="11">
      <t>カクニン</t>
    </rPh>
    <rPh sb="12" eb="14">
      <t>カノウ</t>
    </rPh>
    <rPh sb="18" eb="20">
      <t>ショウガイ</t>
    </rPh>
    <rPh sb="20" eb="22">
      <t>テイド</t>
    </rPh>
    <rPh sb="23" eb="25">
      <t>ヘンカ</t>
    </rPh>
    <rPh sb="28" eb="30">
      <t>バアイ</t>
    </rPh>
    <phoneticPr fontId="1"/>
  </si>
  <si>
    <t>（注）１　本表は、受給資格認定の際、医師の診断書を省略した事由ごとに記入すること。</t>
    <rPh sb="1" eb="2">
      <t>チュウ</t>
    </rPh>
    <rPh sb="5" eb="6">
      <t>ホン</t>
    </rPh>
    <rPh sb="6" eb="7">
      <t>ヒョウ</t>
    </rPh>
    <rPh sb="9" eb="11">
      <t>ジュキュウ</t>
    </rPh>
    <rPh sb="11" eb="13">
      <t>シカク</t>
    </rPh>
    <rPh sb="13" eb="15">
      <t>ニンテイ</t>
    </rPh>
    <rPh sb="16" eb="17">
      <t>サイ</t>
    </rPh>
    <rPh sb="18" eb="20">
      <t>イシ</t>
    </rPh>
    <rPh sb="21" eb="24">
      <t>シンダンショ</t>
    </rPh>
    <rPh sb="25" eb="27">
      <t>ショウリャク</t>
    </rPh>
    <rPh sb="29" eb="31">
      <t>ジユウ</t>
    </rPh>
    <rPh sb="34" eb="36">
      <t>キニュウ</t>
    </rPh>
    <phoneticPr fontId="1"/>
  </si>
  <si>
    <t>福祉手当の受給資格の障害程度に該当</t>
    <rPh sb="0" eb="2">
      <t>フクシ</t>
    </rPh>
    <rPh sb="2" eb="4">
      <t>テアテ</t>
    </rPh>
    <rPh sb="5" eb="7">
      <t>ジュキュウ</t>
    </rPh>
    <rPh sb="7" eb="9">
      <t>シカク</t>
    </rPh>
    <rPh sb="10" eb="12">
      <t>ショウガイ</t>
    </rPh>
    <rPh sb="12" eb="14">
      <t>テイド</t>
    </rPh>
    <rPh sb="15" eb="17">
      <t>ガイトウ</t>
    </rPh>
    <phoneticPr fontId="1"/>
  </si>
  <si>
    <t>１・２級の身障手帳の提示、２級は手帳で障害程度が明確</t>
    <rPh sb="3" eb="4">
      <t>キュウ</t>
    </rPh>
    <rPh sb="5" eb="7">
      <t>シンショウ</t>
    </rPh>
    <rPh sb="7" eb="9">
      <t>テチョウ</t>
    </rPh>
    <rPh sb="10" eb="12">
      <t>テイジ</t>
    </rPh>
    <rPh sb="14" eb="15">
      <t>キュウ</t>
    </rPh>
    <rPh sb="16" eb="18">
      <t>テチョウ</t>
    </rPh>
    <rPh sb="19" eb="21">
      <t>ショウガイ</t>
    </rPh>
    <rPh sb="21" eb="23">
      <t>テイド</t>
    </rPh>
    <rPh sb="24" eb="26">
      <t>メイカク</t>
    </rPh>
    <phoneticPr fontId="1"/>
  </si>
  <si>
    <t>（特障手当）障害児手当の受給者であったこと及び資格喪失の事由が障害程度によるものでない</t>
    <rPh sb="1" eb="2">
      <t>トク</t>
    </rPh>
    <rPh sb="2" eb="3">
      <t>ショウ</t>
    </rPh>
    <rPh sb="3" eb="5">
      <t>テアテ</t>
    </rPh>
    <rPh sb="6" eb="8">
      <t>ショウガイ</t>
    </rPh>
    <rPh sb="8" eb="9">
      <t>ジ</t>
    </rPh>
    <rPh sb="9" eb="11">
      <t>テアテ</t>
    </rPh>
    <rPh sb="12" eb="15">
      <t>ジュキュウシャ</t>
    </rPh>
    <rPh sb="21" eb="22">
      <t>オヨ</t>
    </rPh>
    <rPh sb="23" eb="25">
      <t>シカク</t>
    </rPh>
    <rPh sb="25" eb="27">
      <t>ソウシツ</t>
    </rPh>
    <rPh sb="28" eb="30">
      <t>ジユウ</t>
    </rPh>
    <rPh sb="31" eb="33">
      <t>ショウガイ</t>
    </rPh>
    <rPh sb="33" eb="35">
      <t>テイド</t>
    </rPh>
    <phoneticPr fontId="1"/>
  </si>
  <si>
    <t>２級の身障手帳の所持者</t>
    <rPh sb="1" eb="2">
      <t>キュウ</t>
    </rPh>
    <rPh sb="3" eb="5">
      <t>シンショウ</t>
    </rPh>
    <rPh sb="5" eb="7">
      <t>テチョウ</t>
    </rPh>
    <rPh sb="8" eb="11">
      <t>ショジシャ</t>
    </rPh>
    <phoneticPr fontId="1"/>
  </si>
  <si>
    <t>障害を支給事由とする年金１級受給者</t>
    <rPh sb="0" eb="2">
      <t>ショウガイ</t>
    </rPh>
    <rPh sb="3" eb="5">
      <t>シキュウ</t>
    </rPh>
    <rPh sb="5" eb="7">
      <t>ジユウ</t>
    </rPh>
    <rPh sb="10" eb="12">
      <t>ネンキン</t>
    </rPh>
    <rPh sb="13" eb="14">
      <t>キュウ</t>
    </rPh>
    <rPh sb="14" eb="17">
      <t>ジュキュウシャ</t>
    </rPh>
    <phoneticPr fontId="1"/>
  </si>
  <si>
    <t>特別児童扶養手当１級を受給していた者</t>
    <rPh sb="0" eb="2">
      <t>トクベツ</t>
    </rPh>
    <rPh sb="2" eb="4">
      <t>ジドウ</t>
    </rPh>
    <rPh sb="4" eb="6">
      <t>フヨウ</t>
    </rPh>
    <rPh sb="6" eb="8">
      <t>テアテ</t>
    </rPh>
    <rPh sb="9" eb="10">
      <t>キュウ</t>
    </rPh>
    <rPh sb="11" eb="13">
      <t>ジュキュウ</t>
    </rPh>
    <rPh sb="17" eb="18">
      <t>モノ</t>
    </rPh>
    <phoneticPr fontId="1"/>
  </si>
  <si>
    <t>療育手帳所持者（Ａ）</t>
    <rPh sb="0" eb="2">
      <t>リョウイク</t>
    </rPh>
    <rPh sb="2" eb="4">
      <t>テチョウ</t>
    </rPh>
    <rPh sb="4" eb="7">
      <t>ショジシャ</t>
    </rPh>
    <phoneticPr fontId="1"/>
  </si>
  <si>
    <t>　　　２　省略事由の（　　）書は特別障害者手当のみの事由である。</t>
    <rPh sb="5" eb="7">
      <t>ショウリャク</t>
    </rPh>
    <rPh sb="7" eb="9">
      <t>ジユウ</t>
    </rPh>
    <rPh sb="14" eb="15">
      <t>ショ</t>
    </rPh>
    <rPh sb="16" eb="18">
      <t>トクベツ</t>
    </rPh>
    <rPh sb="18" eb="20">
      <t>ショウガイ</t>
    </rPh>
    <rPh sb="20" eb="21">
      <t>シャ</t>
    </rPh>
    <rPh sb="21" eb="23">
      <t>テア</t>
    </rPh>
    <rPh sb="26" eb="28">
      <t>ジユウ</t>
    </rPh>
    <phoneticPr fontId="1"/>
  </si>
  <si>
    <t>（５）新規申請者の個別状況</t>
    <rPh sb="3" eb="5">
      <t>シンキ</t>
    </rPh>
    <rPh sb="5" eb="8">
      <t>シンセイシャ</t>
    </rPh>
    <rPh sb="9" eb="11">
      <t>コベツ</t>
    </rPh>
    <rPh sb="11" eb="13">
      <t>ジョウキョウ</t>
    </rPh>
    <phoneticPr fontId="1"/>
  </si>
  <si>
    <t>　　①障害児福祉手当</t>
    <rPh sb="3" eb="5">
      <t>ショウガイ</t>
    </rPh>
    <rPh sb="5" eb="6">
      <t>ジ</t>
    </rPh>
    <rPh sb="6" eb="8">
      <t>フクシ</t>
    </rPh>
    <rPh sb="8" eb="10">
      <t>テアテ</t>
    </rPh>
    <phoneticPr fontId="1"/>
  </si>
  <si>
    <t>申請月日</t>
    <rPh sb="0" eb="2">
      <t>シンセイ</t>
    </rPh>
    <rPh sb="2" eb="4">
      <t>ツキヒ</t>
    </rPh>
    <phoneticPr fontId="1"/>
  </si>
  <si>
    <t>受付月日</t>
    <rPh sb="0" eb="2">
      <t>ウケツケ</t>
    </rPh>
    <rPh sb="2" eb="4">
      <t>ツキヒ</t>
    </rPh>
    <phoneticPr fontId="1"/>
  </si>
  <si>
    <t>認定</t>
    <rPh sb="0" eb="2">
      <t>ニンテイ</t>
    </rPh>
    <phoneticPr fontId="1"/>
  </si>
  <si>
    <t>適否</t>
    <rPh sb="0" eb="2">
      <t>テキヒ</t>
    </rPh>
    <phoneticPr fontId="1"/>
  </si>
  <si>
    <t>月日</t>
    <rPh sb="0" eb="2">
      <t>ツキヒ</t>
    </rPh>
    <phoneticPr fontId="1"/>
  </si>
  <si>
    <t>支給開始年月</t>
    <rPh sb="0" eb="2">
      <t>シキュウ</t>
    </rPh>
    <rPh sb="2" eb="4">
      <t>カイシ</t>
    </rPh>
    <rPh sb="4" eb="5">
      <t>ネン</t>
    </rPh>
    <rPh sb="5" eb="6">
      <t>ツキ</t>
    </rPh>
    <phoneticPr fontId="1"/>
  </si>
  <si>
    <t>有期年月</t>
    <rPh sb="0" eb="2">
      <t>ユウキ</t>
    </rPh>
    <rPh sb="2" eb="4">
      <t>ネンゲツ</t>
    </rPh>
    <phoneticPr fontId="1"/>
  </si>
  <si>
    <t>診断書の有無</t>
    <rPh sb="0" eb="3">
      <t>シンダンショ</t>
    </rPh>
    <rPh sb="4" eb="6">
      <t>ウム</t>
    </rPh>
    <phoneticPr fontId="1"/>
  </si>
  <si>
    <t>身障手帳等の有無</t>
    <rPh sb="0" eb="2">
      <t>シンショウ</t>
    </rPh>
    <rPh sb="2" eb="4">
      <t>テチョウ</t>
    </rPh>
    <rPh sb="4" eb="5">
      <t>トウ</t>
    </rPh>
    <rPh sb="6" eb="8">
      <t>ウム</t>
    </rPh>
    <phoneticPr fontId="1"/>
  </si>
  <si>
    <t>受給者の年齢</t>
    <rPh sb="0" eb="3">
      <t>ジュキュウシャ</t>
    </rPh>
    <rPh sb="4" eb="6">
      <t>ネンレイ</t>
    </rPh>
    <phoneticPr fontId="1"/>
  </si>
  <si>
    <t>障害の程度別表１</t>
    <rPh sb="0" eb="2">
      <t>ショウガイ</t>
    </rPh>
    <rPh sb="3" eb="5">
      <t>テイド</t>
    </rPh>
    <rPh sb="5" eb="7">
      <t>ベッピョウ</t>
    </rPh>
    <phoneticPr fontId="1"/>
  </si>
  <si>
    <t>備考</t>
    <rPh sb="0" eb="2">
      <t>ビコウ</t>
    </rPh>
    <phoneticPr fontId="1"/>
  </si>
  <si>
    <t>／</t>
    <phoneticPr fontId="1"/>
  </si>
  <si>
    <t>　年　　月</t>
    <rPh sb="1" eb="2">
      <t>ネン</t>
    </rPh>
    <rPh sb="4" eb="5">
      <t>ツキ</t>
    </rPh>
    <phoneticPr fontId="1"/>
  </si>
  <si>
    <t>才</t>
    <rPh sb="0" eb="1">
      <t>サイ</t>
    </rPh>
    <phoneticPr fontId="1"/>
  </si>
  <si>
    <t>（注）１　本表は、障害児福祉手当申請者のうち、新しい順に10件記載すること。</t>
    <rPh sb="1" eb="2">
      <t>チュウ</t>
    </rPh>
    <rPh sb="5" eb="6">
      <t>ホン</t>
    </rPh>
    <rPh sb="6" eb="7">
      <t>ヒョウ</t>
    </rPh>
    <rPh sb="9" eb="11">
      <t>ショウガイ</t>
    </rPh>
    <rPh sb="11" eb="12">
      <t>ジ</t>
    </rPh>
    <rPh sb="12" eb="14">
      <t>フクシ</t>
    </rPh>
    <rPh sb="14" eb="16">
      <t>テアテ</t>
    </rPh>
    <rPh sb="16" eb="19">
      <t>シンセイシャ</t>
    </rPh>
    <rPh sb="23" eb="24">
      <t>アタラ</t>
    </rPh>
    <rPh sb="26" eb="27">
      <t>ジュン</t>
    </rPh>
    <rPh sb="30" eb="31">
      <t>ケン</t>
    </rPh>
    <rPh sb="31" eb="33">
      <t>キサイ</t>
    </rPh>
    <phoneticPr fontId="1"/>
  </si>
  <si>
    <t>　　　２　｢有期年月｣欄には、有期認定の者の再認定時期を記入すること。</t>
    <rPh sb="6" eb="8">
      <t>ユウキ</t>
    </rPh>
    <rPh sb="8" eb="10">
      <t>ネンゲツ</t>
    </rPh>
    <rPh sb="11" eb="12">
      <t>ラン</t>
    </rPh>
    <rPh sb="15" eb="17">
      <t>ユウキ</t>
    </rPh>
    <rPh sb="17" eb="19">
      <t>ニンテイ</t>
    </rPh>
    <rPh sb="20" eb="21">
      <t>モノ</t>
    </rPh>
    <rPh sb="22" eb="25">
      <t>サイニンテイ</t>
    </rPh>
    <rPh sb="25" eb="27">
      <t>ジキ</t>
    </rPh>
    <rPh sb="28" eb="30">
      <t>キニュウ</t>
    </rPh>
    <phoneticPr fontId="1"/>
  </si>
  <si>
    <t>　　　３　｢障害の程度｣欄には、政令別表第１の第１号～第10号のいずれか該当号を記入をすること。</t>
    <rPh sb="6" eb="8">
      <t>ショウガイ</t>
    </rPh>
    <rPh sb="9" eb="11">
      <t>テイド</t>
    </rPh>
    <rPh sb="12" eb="13">
      <t>ラン</t>
    </rPh>
    <rPh sb="16" eb="18">
      <t>セイレイ</t>
    </rPh>
    <rPh sb="18" eb="20">
      <t>ベッピョウ</t>
    </rPh>
    <rPh sb="20" eb="21">
      <t>ダイ</t>
    </rPh>
    <rPh sb="23" eb="24">
      <t>ダイ</t>
    </rPh>
    <rPh sb="25" eb="26">
      <t>ゴウ</t>
    </rPh>
    <rPh sb="27" eb="28">
      <t>ダイ</t>
    </rPh>
    <rPh sb="30" eb="31">
      <t>ゴウ</t>
    </rPh>
    <rPh sb="36" eb="38">
      <t>ガイトウ</t>
    </rPh>
    <rPh sb="38" eb="39">
      <t>ゴウ</t>
    </rPh>
    <rPh sb="40" eb="42">
      <t>キニュウ</t>
    </rPh>
    <phoneticPr fontId="1"/>
  </si>
  <si>
    <t>　　　４　｢備考｣欄には、視力障害にあっては両眼視力の和、聴力障害にあっては両耳聴力、知的障害にあっては、知能指数を、それぞれ記入すること。</t>
    <rPh sb="6" eb="8">
      <t>ビコウ</t>
    </rPh>
    <rPh sb="9" eb="10">
      <t>ラン</t>
    </rPh>
    <rPh sb="13" eb="15">
      <t>シリョク</t>
    </rPh>
    <rPh sb="15" eb="17">
      <t>ショウガイ</t>
    </rPh>
    <rPh sb="22" eb="24">
      <t>リョウガン</t>
    </rPh>
    <rPh sb="24" eb="26">
      <t>シリョク</t>
    </rPh>
    <rPh sb="27" eb="28">
      <t>ワ</t>
    </rPh>
    <rPh sb="29" eb="31">
      <t>チョウリョク</t>
    </rPh>
    <rPh sb="31" eb="33">
      <t>ショウガイ</t>
    </rPh>
    <rPh sb="38" eb="39">
      <t>リョウ</t>
    </rPh>
    <rPh sb="39" eb="40">
      <t>ミミ</t>
    </rPh>
    <rPh sb="40" eb="42">
      <t>チョウリョク</t>
    </rPh>
    <rPh sb="43" eb="45">
      <t>チテキ</t>
    </rPh>
    <rPh sb="45" eb="47">
      <t>ショウガイ</t>
    </rPh>
    <rPh sb="53" eb="55">
      <t>チノウ</t>
    </rPh>
    <rPh sb="55" eb="57">
      <t>シスウ</t>
    </rPh>
    <rPh sb="63" eb="65">
      <t>キニュウ</t>
    </rPh>
    <phoneticPr fontId="1"/>
  </si>
  <si>
    <t>長期施設入所（病院入院）等で資格喪失後、障害程度に変化がない場合</t>
    <rPh sb="0" eb="2">
      <t>チョウキ</t>
    </rPh>
    <rPh sb="2" eb="4">
      <t>シセツ</t>
    </rPh>
    <rPh sb="4" eb="6">
      <t>ニュウショ</t>
    </rPh>
    <rPh sb="7" eb="9">
      <t>ビョウイン</t>
    </rPh>
    <rPh sb="9" eb="11">
      <t>ニュウイン</t>
    </rPh>
    <rPh sb="12" eb="13">
      <t>トウ</t>
    </rPh>
    <rPh sb="14" eb="16">
      <t>シカク</t>
    </rPh>
    <rPh sb="16" eb="18">
      <t>ソウシツ</t>
    </rPh>
    <rPh sb="18" eb="19">
      <t>ゴ</t>
    </rPh>
    <rPh sb="20" eb="22">
      <t>ショウガイ</t>
    </rPh>
    <rPh sb="22" eb="24">
      <t>テイド</t>
    </rPh>
    <rPh sb="25" eb="27">
      <t>ヘンカ</t>
    </rPh>
    <rPh sb="30" eb="32">
      <t>バアイ</t>
    </rPh>
    <phoneticPr fontId="1"/>
  </si>
  <si>
    <t>　　　３　特別障害者手当について、受給資格認定にかかる判定方法が２以上となる場合は、該当する判定方法に記入し、他の判定方法には</t>
    <rPh sb="5" eb="7">
      <t>トクベツ</t>
    </rPh>
    <rPh sb="7" eb="10">
      <t>ショウガイシャ</t>
    </rPh>
    <rPh sb="10" eb="12">
      <t>テアテ</t>
    </rPh>
    <rPh sb="17" eb="19">
      <t>ジュキュウ</t>
    </rPh>
    <rPh sb="19" eb="21">
      <t>シカク</t>
    </rPh>
    <rPh sb="21" eb="23">
      <t>ニンテイ</t>
    </rPh>
    <rPh sb="27" eb="29">
      <t>ハンテイ</t>
    </rPh>
    <rPh sb="29" eb="31">
      <t>ホウホウ</t>
    </rPh>
    <rPh sb="33" eb="35">
      <t>イジョウ</t>
    </rPh>
    <rPh sb="38" eb="40">
      <t>バアイ</t>
    </rPh>
    <rPh sb="42" eb="44">
      <t>ガイトウ</t>
    </rPh>
    <rPh sb="46" eb="48">
      <t>ハンテイ</t>
    </rPh>
    <rPh sb="48" eb="50">
      <t>ホウホウ</t>
    </rPh>
    <rPh sb="51" eb="53">
      <t>キニュウ</t>
    </rPh>
    <phoneticPr fontId="1"/>
  </si>
  <si>
    <t>　　②特別障害者手当</t>
    <rPh sb="3" eb="5">
      <t>トクベツ</t>
    </rPh>
    <rPh sb="5" eb="7">
      <t>ショウガイ</t>
    </rPh>
    <rPh sb="7" eb="8">
      <t>シャ</t>
    </rPh>
    <rPh sb="8" eb="10">
      <t>テアテ</t>
    </rPh>
    <phoneticPr fontId="1"/>
  </si>
  <si>
    <t>障害の程度</t>
    <rPh sb="0" eb="2">
      <t>ショウガイ</t>
    </rPh>
    <rPh sb="3" eb="5">
      <t>テイド</t>
    </rPh>
    <phoneticPr fontId="1"/>
  </si>
  <si>
    <t>障害の重複・単一別</t>
    <rPh sb="0" eb="2">
      <t>ショウガイ</t>
    </rPh>
    <rPh sb="3" eb="5">
      <t>ジュウフク</t>
    </rPh>
    <rPh sb="6" eb="8">
      <t>タンイツ</t>
    </rPh>
    <rPh sb="8" eb="9">
      <t>ベツ</t>
    </rPh>
    <phoneticPr fontId="1"/>
  </si>
  <si>
    <t>障害の種類</t>
    <rPh sb="0" eb="2">
      <t>ショウガイ</t>
    </rPh>
    <rPh sb="3" eb="5">
      <t>シュルイ</t>
    </rPh>
    <phoneticPr fontId="1"/>
  </si>
  <si>
    <t>日常生活動作又は能力判定</t>
    <rPh sb="0" eb="2">
      <t>ニチジョウ</t>
    </rPh>
    <rPh sb="2" eb="4">
      <t>セイカツ</t>
    </rPh>
    <rPh sb="4" eb="6">
      <t>ドウサ</t>
    </rPh>
    <rPh sb="6" eb="7">
      <t>マタ</t>
    </rPh>
    <rPh sb="8" eb="10">
      <t>ノウリョク</t>
    </rPh>
    <rPh sb="10" eb="12">
      <t>ハンテイ</t>
    </rPh>
    <phoneticPr fontId="1"/>
  </si>
  <si>
    <t>点</t>
    <rPh sb="0" eb="1">
      <t>テン</t>
    </rPh>
    <phoneticPr fontId="1"/>
  </si>
  <si>
    <t>複・単</t>
    <rPh sb="0" eb="1">
      <t>フク</t>
    </rPh>
    <rPh sb="2" eb="3">
      <t>タン</t>
    </rPh>
    <phoneticPr fontId="1"/>
  </si>
  <si>
    <t>（注）１　本表は、特別障害者手当申請者のうち、新しい順に10件記載すること。</t>
    <rPh sb="1" eb="2">
      <t>チュウ</t>
    </rPh>
    <rPh sb="5" eb="6">
      <t>ホン</t>
    </rPh>
    <rPh sb="6" eb="7">
      <t>ヒョウ</t>
    </rPh>
    <rPh sb="9" eb="11">
      <t>トクベツ</t>
    </rPh>
    <rPh sb="11" eb="14">
      <t>ショウガイシャ</t>
    </rPh>
    <rPh sb="14" eb="16">
      <t>テアテ</t>
    </rPh>
    <rPh sb="16" eb="19">
      <t>シンセイシャ</t>
    </rPh>
    <rPh sb="23" eb="24">
      <t>アタラ</t>
    </rPh>
    <rPh sb="26" eb="27">
      <t>ジュン</t>
    </rPh>
    <rPh sb="30" eb="31">
      <t>ケン</t>
    </rPh>
    <rPh sb="31" eb="33">
      <t>キサイ</t>
    </rPh>
    <phoneticPr fontId="1"/>
  </si>
  <si>
    <t>　　　５　｢備考｣欄には、視力障害にあっては両眼視力の和、聴力障害にあっては両耳聴力、知的障害にあっては、知能指数を、それぞれ記入すること。</t>
    <rPh sb="6" eb="8">
      <t>ビコウ</t>
    </rPh>
    <rPh sb="9" eb="10">
      <t>ラン</t>
    </rPh>
    <rPh sb="13" eb="15">
      <t>シリョク</t>
    </rPh>
    <rPh sb="15" eb="17">
      <t>ショウガイ</t>
    </rPh>
    <rPh sb="22" eb="24">
      <t>リョウガン</t>
    </rPh>
    <rPh sb="24" eb="26">
      <t>シリョク</t>
    </rPh>
    <rPh sb="27" eb="28">
      <t>ワ</t>
    </rPh>
    <rPh sb="29" eb="31">
      <t>チョウリョク</t>
    </rPh>
    <rPh sb="31" eb="33">
      <t>ショウガイ</t>
    </rPh>
    <rPh sb="38" eb="39">
      <t>リョウ</t>
    </rPh>
    <rPh sb="39" eb="40">
      <t>ミミ</t>
    </rPh>
    <rPh sb="40" eb="42">
      <t>チョウリョク</t>
    </rPh>
    <rPh sb="43" eb="45">
      <t>チテキ</t>
    </rPh>
    <rPh sb="45" eb="47">
      <t>ショウガイ</t>
    </rPh>
    <rPh sb="53" eb="55">
      <t>チノウ</t>
    </rPh>
    <rPh sb="55" eb="57">
      <t>シスウ</t>
    </rPh>
    <rPh sb="63" eb="65">
      <t>キニュウ</t>
    </rPh>
    <phoneticPr fontId="1"/>
  </si>
  <si>
    <t>　　　４　｢日常生活動作又は能力判定｣欄には、日常生活動作表又は日常生活能力判定表の加算点数を記入すること（該当者）のみ。</t>
    <rPh sb="6" eb="8">
      <t>ニチジョウ</t>
    </rPh>
    <rPh sb="8" eb="10">
      <t>セイカツ</t>
    </rPh>
    <rPh sb="10" eb="12">
      <t>ドウサ</t>
    </rPh>
    <rPh sb="12" eb="13">
      <t>マタ</t>
    </rPh>
    <rPh sb="14" eb="16">
      <t>ノウリョク</t>
    </rPh>
    <rPh sb="16" eb="18">
      <t>ハンテイ</t>
    </rPh>
    <rPh sb="19" eb="20">
      <t>ラン</t>
    </rPh>
    <rPh sb="23" eb="25">
      <t>ニチジョウ</t>
    </rPh>
    <rPh sb="25" eb="27">
      <t>セイカツ</t>
    </rPh>
    <rPh sb="27" eb="29">
      <t>ドウサ</t>
    </rPh>
    <rPh sb="29" eb="30">
      <t>ヒョウ</t>
    </rPh>
    <rPh sb="30" eb="31">
      <t>マタ</t>
    </rPh>
    <rPh sb="32" eb="34">
      <t>ニチジョウ</t>
    </rPh>
    <rPh sb="34" eb="36">
      <t>セイカツ</t>
    </rPh>
    <rPh sb="36" eb="38">
      <t>ノウリョク</t>
    </rPh>
    <rPh sb="38" eb="40">
      <t>ハンテイ</t>
    </rPh>
    <rPh sb="40" eb="41">
      <t>ヒョウ</t>
    </rPh>
    <rPh sb="42" eb="44">
      <t>カサン</t>
    </rPh>
    <rPh sb="44" eb="46">
      <t>テンスウ</t>
    </rPh>
    <rPh sb="47" eb="49">
      <t>キニュウ</t>
    </rPh>
    <rPh sb="54" eb="57">
      <t>ガイトウシャ</t>
    </rPh>
    <phoneticPr fontId="1"/>
  </si>
  <si>
    <t>（６）受給資格の確認の状況</t>
    <rPh sb="3" eb="5">
      <t>ジュキュウ</t>
    </rPh>
    <rPh sb="5" eb="7">
      <t>シカク</t>
    </rPh>
    <rPh sb="8" eb="10">
      <t>カクニン</t>
    </rPh>
    <rPh sb="11" eb="13">
      <t>ジョウキョウ</t>
    </rPh>
    <phoneticPr fontId="1"/>
  </si>
  <si>
    <t>確認方法</t>
    <rPh sb="0" eb="2">
      <t>カクニン</t>
    </rPh>
    <rPh sb="2" eb="4">
      <t>ホウホウ</t>
    </rPh>
    <phoneticPr fontId="1"/>
  </si>
  <si>
    <t>居住等の確認</t>
    <rPh sb="0" eb="2">
      <t>キョジュウ</t>
    </rPh>
    <rPh sb="2" eb="3">
      <t>トウ</t>
    </rPh>
    <rPh sb="4" eb="6">
      <t>カクニン</t>
    </rPh>
    <phoneticPr fontId="1"/>
  </si>
  <si>
    <t>施設入所</t>
    <rPh sb="0" eb="2">
      <t>シセツ</t>
    </rPh>
    <rPh sb="2" eb="4">
      <t>ニュウショ</t>
    </rPh>
    <phoneticPr fontId="1"/>
  </si>
  <si>
    <t>医療機関への入院</t>
    <rPh sb="0" eb="2">
      <t>イリョウ</t>
    </rPh>
    <rPh sb="2" eb="4">
      <t>キカン</t>
    </rPh>
    <rPh sb="6" eb="8">
      <t>ニュウイン</t>
    </rPh>
    <phoneticPr fontId="1"/>
  </si>
  <si>
    <t>障害基礎年金の受給</t>
    <rPh sb="0" eb="2">
      <t>ショウガイ</t>
    </rPh>
    <rPh sb="2" eb="4">
      <t>キソ</t>
    </rPh>
    <rPh sb="4" eb="6">
      <t>ネンキン</t>
    </rPh>
    <rPh sb="7" eb="9">
      <t>ジュキュウ</t>
    </rPh>
    <phoneticPr fontId="1"/>
  </si>
  <si>
    <t>障害厚生年金の受給</t>
    <rPh sb="0" eb="2">
      <t>ショウガイ</t>
    </rPh>
    <rPh sb="2" eb="4">
      <t>コウセイ</t>
    </rPh>
    <rPh sb="4" eb="6">
      <t>ネンキン</t>
    </rPh>
    <rPh sb="7" eb="9">
      <t>ジュキュウ</t>
    </rPh>
    <phoneticPr fontId="1"/>
  </si>
  <si>
    <t>他の年金・手当の受給（共済年金）</t>
    <rPh sb="0" eb="1">
      <t>ホカ</t>
    </rPh>
    <rPh sb="2" eb="4">
      <t>ネンキン</t>
    </rPh>
    <rPh sb="5" eb="7">
      <t>テアテ</t>
    </rPh>
    <rPh sb="8" eb="10">
      <t>ジュキュウ</t>
    </rPh>
    <rPh sb="11" eb="13">
      <t>キョウサイ</t>
    </rPh>
    <rPh sb="13" eb="15">
      <t>ネンキン</t>
    </rPh>
    <phoneticPr fontId="1"/>
  </si>
  <si>
    <t>所得調査</t>
    <rPh sb="0" eb="2">
      <t>ショトク</t>
    </rPh>
    <rPh sb="2" eb="4">
      <t>チョウサ</t>
    </rPh>
    <phoneticPr fontId="1"/>
  </si>
  <si>
    <t>（７）支給日と支給方法</t>
    <rPh sb="3" eb="6">
      <t>シキュウビ</t>
    </rPh>
    <rPh sb="7" eb="9">
      <t>シキュウ</t>
    </rPh>
    <rPh sb="9" eb="11">
      <t>ホウホウ</t>
    </rPh>
    <phoneticPr fontId="1"/>
  </si>
  <si>
    <t>支給日</t>
    <rPh sb="0" eb="3">
      <t>シキュウビ</t>
    </rPh>
    <phoneticPr fontId="1"/>
  </si>
  <si>
    <t>各月　　　　日、　　　　　　　　　　支給方法</t>
    <rPh sb="0" eb="2">
      <t>カクゲツ</t>
    </rPh>
    <rPh sb="6" eb="7">
      <t>ニチ</t>
    </rPh>
    <rPh sb="18" eb="20">
      <t>シキュウ</t>
    </rPh>
    <rPh sb="20" eb="22">
      <t>ホウホウ</t>
    </rPh>
    <phoneticPr fontId="1"/>
  </si>
  <si>
    <t>（８）随時払いの実施</t>
    <rPh sb="3" eb="5">
      <t>ズイジ</t>
    </rPh>
    <rPh sb="5" eb="6">
      <t>ハラ</t>
    </rPh>
    <rPh sb="8" eb="10">
      <t>ジッシ</t>
    </rPh>
    <phoneticPr fontId="1"/>
  </si>
  <si>
    <t>有　　　・　　　　無</t>
    <rPh sb="0" eb="1">
      <t>アリ</t>
    </rPh>
    <rPh sb="9" eb="10">
      <t>ナ</t>
    </rPh>
    <phoneticPr fontId="1"/>
  </si>
  <si>
    <t>（９）障害児福祉手当の振込先</t>
    <rPh sb="3" eb="5">
      <t>ショウガイ</t>
    </rPh>
    <rPh sb="5" eb="6">
      <t>ジ</t>
    </rPh>
    <rPh sb="6" eb="8">
      <t>フクシ</t>
    </rPh>
    <rPh sb="8" eb="10">
      <t>テアテ</t>
    </rPh>
    <rPh sb="11" eb="13">
      <t>フリコ</t>
    </rPh>
    <rPh sb="13" eb="14">
      <t>サキ</t>
    </rPh>
    <phoneticPr fontId="1"/>
  </si>
  <si>
    <t>児童　　・　　保護者　　・　　　その他（　　　　　）</t>
    <rPh sb="0" eb="2">
      <t>ジドウ</t>
    </rPh>
    <rPh sb="7" eb="10">
      <t>ホゴシャ</t>
    </rPh>
    <rPh sb="18" eb="19">
      <t>タ</t>
    </rPh>
    <phoneticPr fontId="1"/>
  </si>
  <si>
    <t>２　債権の発生状況</t>
    <rPh sb="2" eb="4">
      <t>サイケン</t>
    </rPh>
    <rPh sb="5" eb="7">
      <t>ハッセイ</t>
    </rPh>
    <rPh sb="7" eb="9">
      <t>ジョウキョウ</t>
    </rPh>
    <phoneticPr fontId="1"/>
  </si>
  <si>
    <t>　　　　　　件</t>
    <rPh sb="6" eb="7">
      <t>ケン</t>
    </rPh>
    <phoneticPr fontId="1"/>
  </si>
  <si>
    <t>　　　　　　円</t>
    <rPh sb="6" eb="7">
      <t>エン</t>
    </rPh>
    <phoneticPr fontId="1"/>
  </si>
  <si>
    <t>（２）上記債権の徴収済件数及び金額</t>
    <rPh sb="3" eb="5">
      <t>ジョウキ</t>
    </rPh>
    <rPh sb="5" eb="7">
      <t>サイケン</t>
    </rPh>
    <rPh sb="8" eb="10">
      <t>チョウシュウ</t>
    </rPh>
    <rPh sb="10" eb="11">
      <t>ズ</t>
    </rPh>
    <rPh sb="11" eb="13">
      <t>ケンスウ</t>
    </rPh>
    <rPh sb="13" eb="14">
      <t>オヨ</t>
    </rPh>
    <rPh sb="15" eb="17">
      <t>キンガク</t>
    </rPh>
    <phoneticPr fontId="1"/>
  </si>
  <si>
    <t>（　　　月　　　日現在）</t>
    <rPh sb="4" eb="5">
      <t>ガツ</t>
    </rPh>
    <rPh sb="8" eb="9">
      <t>ヒ</t>
    </rPh>
    <rPh sb="9" eb="11">
      <t>ゲンザイ</t>
    </rPh>
    <phoneticPr fontId="1"/>
  </si>
  <si>
    <t>（３）債権発生の主な理由</t>
    <rPh sb="3" eb="5">
      <t>サイケン</t>
    </rPh>
    <rPh sb="5" eb="7">
      <t>ハッセイ</t>
    </rPh>
    <rPh sb="8" eb="9">
      <t>オモ</t>
    </rPh>
    <rPh sb="10" eb="12">
      <t>リユウ</t>
    </rPh>
    <phoneticPr fontId="1"/>
  </si>
  <si>
    <t>（４）債権発生防止のためにとった対策</t>
    <rPh sb="3" eb="5">
      <t>サイケン</t>
    </rPh>
    <rPh sb="5" eb="7">
      <t>ハッセイ</t>
    </rPh>
    <rPh sb="7" eb="9">
      <t>ボウシ</t>
    </rPh>
    <rPh sb="16" eb="18">
      <t>タイサク</t>
    </rPh>
    <phoneticPr fontId="1"/>
  </si>
  <si>
    <t>３　特別障害者手当等支給制度の管下の広報活動状況</t>
    <rPh sb="2" eb="4">
      <t>トクベツ</t>
    </rPh>
    <rPh sb="4" eb="7">
      <t>ショウガイシャ</t>
    </rPh>
    <rPh sb="7" eb="9">
      <t>テアテ</t>
    </rPh>
    <rPh sb="9" eb="10">
      <t>トウ</t>
    </rPh>
    <rPh sb="10" eb="12">
      <t>シキュウ</t>
    </rPh>
    <rPh sb="12" eb="14">
      <t>セイド</t>
    </rPh>
    <rPh sb="15" eb="16">
      <t>クダ</t>
    </rPh>
    <rPh sb="16" eb="17">
      <t>カ</t>
    </rPh>
    <rPh sb="18" eb="20">
      <t>コウホウ</t>
    </rPh>
    <rPh sb="20" eb="22">
      <t>カツドウ</t>
    </rPh>
    <rPh sb="22" eb="24">
      <t>ジョウキョウ</t>
    </rPh>
    <phoneticPr fontId="1"/>
  </si>
  <si>
    <t>（広　報　方　法）</t>
    <rPh sb="1" eb="2">
      <t>ヒロシ</t>
    </rPh>
    <rPh sb="3" eb="4">
      <t>ホウ</t>
    </rPh>
    <rPh sb="5" eb="6">
      <t>カタ</t>
    </rPh>
    <rPh sb="7" eb="8">
      <t>ホウ</t>
    </rPh>
    <phoneticPr fontId="1"/>
  </si>
  <si>
    <t>（広　報　時　期）</t>
    <rPh sb="1" eb="2">
      <t>ヒロシ</t>
    </rPh>
    <rPh sb="3" eb="4">
      <t>ホウ</t>
    </rPh>
    <rPh sb="5" eb="6">
      <t>ジ</t>
    </rPh>
    <rPh sb="7" eb="8">
      <t>キ</t>
    </rPh>
    <phoneticPr fontId="1"/>
  </si>
  <si>
    <t>（広　報　内　容）</t>
    <rPh sb="1" eb="2">
      <t>ヒロシ</t>
    </rPh>
    <rPh sb="3" eb="4">
      <t>ホウ</t>
    </rPh>
    <rPh sb="5" eb="6">
      <t>ウチ</t>
    </rPh>
    <rPh sb="7" eb="8">
      <t>ヒロシ</t>
    </rPh>
    <phoneticPr fontId="1"/>
  </si>
  <si>
    <t>（注）上記の状況については既存のパンフレット等により内容がわかる場合は、それをもって代えて差し支えありません。</t>
    <rPh sb="1" eb="2">
      <t>チュウ</t>
    </rPh>
    <rPh sb="3" eb="5">
      <t>ジョウキ</t>
    </rPh>
    <rPh sb="6" eb="8">
      <t>ジョウキョウ</t>
    </rPh>
    <rPh sb="13" eb="15">
      <t>キゾン</t>
    </rPh>
    <rPh sb="22" eb="23">
      <t>トウ</t>
    </rPh>
    <rPh sb="26" eb="28">
      <t>ナイヨウ</t>
    </rPh>
    <rPh sb="32" eb="34">
      <t>バアイ</t>
    </rPh>
    <rPh sb="42" eb="43">
      <t>カ</t>
    </rPh>
    <rPh sb="45" eb="46">
      <t>サ</t>
    </rPh>
    <rPh sb="47" eb="48">
      <t>ツカ</t>
    </rPh>
    <phoneticPr fontId="1"/>
  </si>
  <si>
    <t>４　調査員証の交付</t>
    <rPh sb="2" eb="5">
      <t>チョウサイン</t>
    </rPh>
    <rPh sb="5" eb="6">
      <t>ショウ</t>
    </rPh>
    <rPh sb="7" eb="9">
      <t>コウフ</t>
    </rPh>
    <phoneticPr fontId="1"/>
  </si>
  <si>
    <t>有　　　（　　　　年　　　　月）</t>
    <rPh sb="0" eb="1">
      <t>アリ</t>
    </rPh>
    <rPh sb="9" eb="10">
      <t>ネン</t>
    </rPh>
    <rPh sb="14" eb="15">
      <t>ツキ</t>
    </rPh>
    <phoneticPr fontId="1"/>
  </si>
  <si>
    <t>　　　・　　　無</t>
    <rPh sb="7" eb="8">
      <t>ナ</t>
    </rPh>
    <phoneticPr fontId="1"/>
  </si>
  <si>
    <t>５　添付資料</t>
    <rPh sb="2" eb="4">
      <t>テンプ</t>
    </rPh>
    <rPh sb="4" eb="6">
      <t>シリョウ</t>
    </rPh>
    <phoneticPr fontId="1"/>
  </si>
  <si>
    <t>（１）障害児福祉手当及び特別障害者手当等事務取扱細則</t>
    <rPh sb="3" eb="5">
      <t>ショウガイ</t>
    </rPh>
    <rPh sb="5" eb="6">
      <t>ジ</t>
    </rPh>
    <rPh sb="6" eb="8">
      <t>フクシ</t>
    </rPh>
    <rPh sb="8" eb="10">
      <t>テアテ</t>
    </rPh>
    <rPh sb="10" eb="11">
      <t>オヨ</t>
    </rPh>
    <rPh sb="12" eb="14">
      <t>トクベツ</t>
    </rPh>
    <rPh sb="14" eb="17">
      <t>ショウガイシャ</t>
    </rPh>
    <rPh sb="17" eb="19">
      <t>テアテ</t>
    </rPh>
    <rPh sb="19" eb="20">
      <t>トウ</t>
    </rPh>
    <rPh sb="20" eb="22">
      <t>ジム</t>
    </rPh>
    <rPh sb="22" eb="24">
      <t>トリアツカイ</t>
    </rPh>
    <rPh sb="24" eb="26">
      <t>サイソク</t>
    </rPh>
    <phoneticPr fontId="1"/>
  </si>
  <si>
    <t>（２）事務分掌規程</t>
    <rPh sb="3" eb="5">
      <t>ジム</t>
    </rPh>
    <rPh sb="5" eb="7">
      <t>ブンショウ</t>
    </rPh>
    <rPh sb="7" eb="9">
      <t>キテイ</t>
    </rPh>
    <phoneticPr fontId="1"/>
  </si>
  <si>
    <t>６　特別障害者手当等支給制度運営上の国に対する要望事項</t>
    <rPh sb="2" eb="4">
      <t>トクベツ</t>
    </rPh>
    <rPh sb="4" eb="7">
      <t>ショウガイシャ</t>
    </rPh>
    <rPh sb="7" eb="9">
      <t>テアテ</t>
    </rPh>
    <rPh sb="9" eb="10">
      <t>トウ</t>
    </rPh>
    <rPh sb="10" eb="12">
      <t>シキュウ</t>
    </rPh>
    <rPh sb="12" eb="14">
      <t>セイド</t>
    </rPh>
    <rPh sb="14" eb="16">
      <t>ウンエイ</t>
    </rPh>
    <rPh sb="16" eb="17">
      <t>ジョウ</t>
    </rPh>
    <rPh sb="18" eb="19">
      <t>クニ</t>
    </rPh>
    <rPh sb="20" eb="21">
      <t>タイ</t>
    </rPh>
    <rPh sb="23" eb="25">
      <t>ヨウボウ</t>
    </rPh>
    <rPh sb="25" eb="27">
      <t>ジコウ</t>
    </rPh>
    <phoneticPr fontId="1"/>
  </si>
  <si>
    <t>【要　望　事　項】</t>
    <rPh sb="1" eb="2">
      <t>ヨウ</t>
    </rPh>
    <rPh sb="3" eb="4">
      <t>ノゾミ</t>
    </rPh>
    <rPh sb="5" eb="6">
      <t>コト</t>
    </rPh>
    <rPh sb="7" eb="8">
      <t>コウ</t>
    </rPh>
    <phoneticPr fontId="1"/>
  </si>
  <si>
    <t>（　　　　　　課　　　　　　　係）</t>
    <rPh sb="7" eb="8">
      <t>カ</t>
    </rPh>
    <rPh sb="15" eb="16">
      <t>カカ</t>
    </rPh>
    <phoneticPr fontId="1"/>
  </si>
  <si>
    <t>経過的福祉手当</t>
    <rPh sb="0" eb="3">
      <t>ケイカテキ</t>
    </rPh>
    <rPh sb="3" eb="5">
      <t>フクシ</t>
    </rPh>
    <rPh sb="5" eb="7">
      <t>テア</t>
    </rPh>
    <phoneticPr fontId="1"/>
  </si>
  <si>
    <t>i</t>
    <phoneticPr fontId="1"/>
  </si>
  <si>
    <t>　</t>
    <phoneticPr fontId="1"/>
  </si>
  <si>
    <t>（　　）書きで再掲すること。</t>
    <phoneticPr fontId="1"/>
  </si>
  <si>
    <t>―</t>
    <phoneticPr fontId="1"/>
  </si>
  <si>
    <r>
      <t>　ア　前</t>
    </r>
    <r>
      <rPr>
        <sz val="12"/>
        <rFont val="ＭＳ 明朝"/>
        <family val="1"/>
        <charset val="128"/>
      </rPr>
      <t>年度</t>
    </r>
    <rPh sb="3" eb="6">
      <t>ゼンネンド</t>
    </rPh>
    <rPh sb="4" eb="6">
      <t>ネンド</t>
    </rPh>
    <phoneticPr fontId="1"/>
  </si>
  <si>
    <t>前々年度末の受給者数</t>
    <rPh sb="0" eb="2">
      <t>ゼンゼン</t>
    </rPh>
    <rPh sb="2" eb="4">
      <t>ネンド</t>
    </rPh>
    <rPh sb="4" eb="5">
      <t>マツ</t>
    </rPh>
    <rPh sb="6" eb="9">
      <t>ジュキュウシャ</t>
    </rPh>
    <rPh sb="9" eb="10">
      <t>スウ</t>
    </rPh>
    <phoneticPr fontId="1"/>
  </si>
  <si>
    <t>前年度末受給者数
q=a+e+f+g-n-o</t>
    <rPh sb="0" eb="1">
      <t>ゼン</t>
    </rPh>
    <rPh sb="1" eb="3">
      <t>ネンド</t>
    </rPh>
    <rPh sb="3" eb="4">
      <t>マツ</t>
    </rPh>
    <rPh sb="4" eb="7">
      <t>ジュキュウシャ</t>
    </rPh>
    <rPh sb="7" eb="8">
      <t>スウ</t>
    </rPh>
    <phoneticPr fontId="1"/>
  </si>
  <si>
    <r>
      <t>　イ　今</t>
    </r>
    <r>
      <rPr>
        <sz val="12"/>
        <rFont val="ＭＳ 明朝"/>
        <family val="1"/>
        <charset val="128"/>
      </rPr>
      <t>年度</t>
    </r>
    <rPh sb="3" eb="4">
      <t>コン</t>
    </rPh>
    <rPh sb="4" eb="6">
      <t>ネンド</t>
    </rPh>
    <phoneticPr fontId="1"/>
  </si>
  <si>
    <t>今年度10月31日現在</t>
    <rPh sb="0" eb="3">
      <t>コンネンド</t>
    </rPh>
    <rPh sb="5" eb="6">
      <t>ガツ</t>
    </rPh>
    <rPh sb="8" eb="9">
      <t>ニチ</t>
    </rPh>
    <rPh sb="9" eb="11">
      <t>ゲンザイ</t>
    </rPh>
    <phoneticPr fontId="1"/>
  </si>
  <si>
    <t>前年度末の受給者数</t>
    <rPh sb="0" eb="1">
      <t>ゼン</t>
    </rPh>
    <rPh sb="1" eb="3">
      <t>ネンド</t>
    </rPh>
    <rPh sb="3" eb="4">
      <t>マツ</t>
    </rPh>
    <rPh sb="5" eb="8">
      <t>ジュキュウシャ</t>
    </rPh>
    <rPh sb="8" eb="9">
      <t>スウ</t>
    </rPh>
    <phoneticPr fontId="1"/>
  </si>
  <si>
    <t>前年度</t>
    <rPh sb="0" eb="1">
      <t>ゼン</t>
    </rPh>
    <rPh sb="1" eb="3">
      <t>ネンド</t>
    </rPh>
    <phoneticPr fontId="1"/>
  </si>
  <si>
    <t>今年度</t>
    <rPh sb="0" eb="1">
      <t>コン</t>
    </rPh>
    <rPh sb="1" eb="3">
      <t>ネンド</t>
    </rPh>
    <phoneticPr fontId="1"/>
  </si>
  <si>
    <r>
      <t>（１）前</t>
    </r>
    <r>
      <rPr>
        <sz val="12"/>
        <rFont val="ＭＳ 明朝"/>
        <family val="1"/>
        <charset val="128"/>
      </rPr>
      <t>年度における債権の発生件数及び債権額</t>
    </r>
    <rPh sb="3" eb="6">
      <t>ゼンネンド</t>
    </rPh>
    <rPh sb="6" eb="8">
      <t>ヘイネンド</t>
    </rPh>
    <rPh sb="10" eb="12">
      <t>サイケン</t>
    </rPh>
    <rPh sb="13" eb="15">
      <t>ハッセイ</t>
    </rPh>
    <rPh sb="15" eb="17">
      <t>ケンスウ</t>
    </rPh>
    <rPh sb="17" eb="18">
      <t>オヨ</t>
    </rPh>
    <rPh sb="19" eb="22">
      <t>サイケンガク</t>
    </rPh>
    <phoneticPr fontId="1"/>
  </si>
  <si>
    <t>前年度中の異動（前年度４月から前年度３月まで）</t>
    <rPh sb="0" eb="1">
      <t>ゼン</t>
    </rPh>
    <rPh sb="1" eb="3">
      <t>ネンド</t>
    </rPh>
    <rPh sb="3" eb="4">
      <t>チュウ</t>
    </rPh>
    <rPh sb="5" eb="7">
      <t>イドウ</t>
    </rPh>
    <rPh sb="8" eb="11">
      <t>ゼンネンド</t>
    </rPh>
    <rPh sb="12" eb="13">
      <t>ガツ</t>
    </rPh>
    <rPh sb="15" eb="18">
      <t>ゼンネンド</t>
    </rPh>
    <rPh sb="19" eb="20">
      <t>ガツ</t>
    </rPh>
    <phoneticPr fontId="1"/>
  </si>
  <si>
    <t>今年度中の異動（今年度４月から今年度10月まで）</t>
    <rPh sb="0" eb="1">
      <t>コン</t>
    </rPh>
    <rPh sb="1" eb="3">
      <t>ネンド</t>
    </rPh>
    <rPh sb="3" eb="4">
      <t>チュウ</t>
    </rPh>
    <rPh sb="5" eb="7">
      <t>イドウ</t>
    </rPh>
    <rPh sb="8" eb="11">
      <t>コンネンド</t>
    </rPh>
    <rPh sb="12" eb="13">
      <t>ガツ</t>
    </rPh>
    <rPh sb="15" eb="18">
      <t>コンネンド</t>
    </rPh>
    <rPh sb="20" eb="21">
      <t>ガツ</t>
    </rPh>
    <phoneticPr fontId="1"/>
  </si>
  <si>
    <t>今年度10月31日現在の受給者数
q=a+e+f+g-n-o</t>
    <rPh sb="0" eb="2">
      <t>コンネン</t>
    </rPh>
    <rPh sb="2" eb="3">
      <t>ド</t>
    </rPh>
    <rPh sb="5" eb="6">
      <t>ガツ</t>
    </rPh>
    <rPh sb="8" eb="11">
      <t>ニチゲンザイ</t>
    </rPh>
    <rPh sb="12" eb="15">
      <t>ジュキュウシャ</t>
    </rPh>
    <rPh sb="15" eb="16">
      <t>スウ</t>
    </rPh>
    <phoneticPr fontId="1"/>
  </si>
  <si>
    <t>（注）本表は、今年度４月から今年度10月31日までの受給者の異動状況について厚生労働省報告例に準じて記入すること</t>
    <rPh sb="1" eb="2">
      <t>チュウ</t>
    </rPh>
    <rPh sb="3" eb="4">
      <t>ホン</t>
    </rPh>
    <rPh sb="4" eb="5">
      <t>ヒョウ</t>
    </rPh>
    <rPh sb="7" eb="10">
      <t>コンネンド</t>
    </rPh>
    <rPh sb="11" eb="12">
      <t>ガツ</t>
    </rPh>
    <rPh sb="14" eb="17">
      <t>コンネンド</t>
    </rPh>
    <rPh sb="19" eb="20">
      <t>ガツ</t>
    </rPh>
    <rPh sb="22" eb="23">
      <t>ニチ</t>
    </rPh>
    <rPh sb="26" eb="29">
      <t>ジュキュウシャ</t>
    </rPh>
    <rPh sb="30" eb="32">
      <t>イドウ</t>
    </rPh>
    <rPh sb="32" eb="34">
      <t>ジョウキョウ</t>
    </rPh>
    <rPh sb="38" eb="40">
      <t>コウセイ</t>
    </rPh>
    <rPh sb="40" eb="43">
      <t>ロウドウショウ</t>
    </rPh>
    <rPh sb="43" eb="45">
      <t>ホウコク</t>
    </rPh>
    <rPh sb="45" eb="46">
      <t>レイ</t>
    </rPh>
    <rPh sb="47" eb="48">
      <t>ジュン</t>
    </rPh>
    <rPh sb="50" eb="52">
      <t>キニュウ</t>
    </rPh>
    <phoneticPr fontId="1"/>
  </si>
  <si>
    <t>記載日</t>
    <rPh sb="0" eb="2">
      <t>キサイ</t>
    </rPh>
    <rPh sb="2" eb="3">
      <t>ビ</t>
    </rPh>
    <phoneticPr fontId="1"/>
  </si>
  <si>
    <r>
      <t>　　　５　今</t>
    </r>
    <r>
      <rPr>
        <sz val="12"/>
        <rFont val="ＭＳ 明朝"/>
        <family val="1"/>
        <charset val="128"/>
      </rPr>
      <t>年度は10月31日までの状況を記入すること。</t>
    </r>
    <rPh sb="5" eb="6">
      <t>コン</t>
    </rPh>
    <rPh sb="6" eb="8">
      <t>ネンド</t>
    </rPh>
    <rPh sb="8" eb="10">
      <t>ヘイネンド</t>
    </rPh>
    <rPh sb="11" eb="12">
      <t>ガツ</t>
    </rPh>
    <rPh sb="14" eb="15">
      <t>ニチ</t>
    </rPh>
    <rPh sb="18" eb="20">
      <t>ジョウキョウ</t>
    </rPh>
    <rPh sb="21" eb="23">
      <t>キニュウ</t>
    </rPh>
    <phoneticPr fontId="1"/>
  </si>
  <si>
    <t>　　　　年　　　月　　　日</t>
    <rPh sb="4" eb="5">
      <t>ネン</t>
    </rPh>
    <rPh sb="8" eb="9">
      <t>ガツ</t>
    </rPh>
    <rPh sb="12" eb="13">
      <t>ニチ</t>
    </rPh>
    <phoneticPr fontId="1"/>
  </si>
  <si>
    <t>福祉事務所名</t>
    <rPh sb="0" eb="2">
      <t>フクシ</t>
    </rPh>
    <rPh sb="2" eb="4">
      <t>ジム</t>
    </rPh>
    <rPh sb="4" eb="5">
      <t>ショ</t>
    </rPh>
    <rPh sb="5" eb="6">
      <t>メイ</t>
    </rPh>
    <phoneticPr fontId="1"/>
  </si>
  <si>
    <t>　　　３ 「障害の程度」欄には、政令第１条第２項の第１号～第３号のいずれか該当号を記入すること。</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font>
      <sz val="12"/>
      <color theme="1"/>
      <name val="ＭＳ 明朝"/>
      <family val="2"/>
      <charset val="128"/>
    </font>
    <font>
      <sz val="6"/>
      <name val="ＭＳ 明朝"/>
      <family val="2"/>
      <charset val="128"/>
    </font>
    <font>
      <sz val="26"/>
      <color theme="1"/>
      <name val="ＭＳ 明朝"/>
      <family val="2"/>
      <charset val="128"/>
    </font>
    <font>
      <sz val="12"/>
      <name val="ＭＳ 明朝"/>
      <family val="2"/>
      <charset val="128"/>
    </font>
    <font>
      <sz val="26"/>
      <name val="ＭＳ 明朝"/>
      <family val="2"/>
      <charset val="128"/>
    </font>
    <font>
      <sz val="26"/>
      <name val="ＭＳ 明朝"/>
      <family val="1"/>
      <charset val="128"/>
    </font>
    <font>
      <sz val="12"/>
      <name val="ＭＳ 明朝"/>
      <family val="1"/>
      <charset val="128"/>
    </font>
    <font>
      <sz val="9"/>
      <name val="ＭＳ 明朝"/>
      <family val="1"/>
      <charset val="128"/>
    </font>
  </fonts>
  <fills count="2">
    <fill>
      <patternFill patternType="none"/>
    </fill>
    <fill>
      <patternFill patternType="gray125"/>
    </fill>
  </fills>
  <borders count="25">
    <border>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style="thin">
        <color indexed="64"/>
      </left>
      <right style="thin">
        <color indexed="64"/>
      </right>
      <top style="double">
        <color indexed="64"/>
      </top>
      <bottom/>
      <diagonal/>
    </border>
  </borders>
  <cellStyleXfs count="1">
    <xf numFmtId="0" fontId="0" fillId="0" borderId="0">
      <alignment vertical="center"/>
    </xf>
  </cellStyleXfs>
  <cellXfs count="161">
    <xf numFmtId="0" fontId="0" fillId="0" borderId="0" xfId="0">
      <alignment vertical="center"/>
    </xf>
    <xf numFmtId="0" fontId="0" fillId="0" borderId="2" xfId="0" applyBorder="1">
      <alignment vertical="center"/>
    </xf>
    <xf numFmtId="0" fontId="0" fillId="0" borderId="6" xfId="0" applyBorder="1">
      <alignment vertical="center"/>
    </xf>
    <xf numFmtId="0" fontId="0" fillId="0" borderId="14" xfId="0" applyBorder="1">
      <alignment vertical="center"/>
    </xf>
    <xf numFmtId="0" fontId="0" fillId="0" borderId="1" xfId="0" applyBorder="1">
      <alignment vertical="center"/>
    </xf>
    <xf numFmtId="0" fontId="0" fillId="0" borderId="15" xfId="0" applyBorder="1">
      <alignment vertical="center"/>
    </xf>
    <xf numFmtId="0" fontId="0" fillId="0" borderId="10" xfId="0" applyBorder="1">
      <alignment vertical="center"/>
    </xf>
    <xf numFmtId="0" fontId="0" fillId="0" borderId="10" xfId="0" applyBorder="1" applyAlignment="1">
      <alignment horizontal="center" vertical="center"/>
    </xf>
    <xf numFmtId="0" fontId="0" fillId="0" borderId="14" xfId="0" applyBorder="1" applyAlignment="1">
      <alignment vertical="center"/>
    </xf>
    <xf numFmtId="0" fontId="0" fillId="0" borderId="11" xfId="0" applyBorder="1" applyAlignment="1">
      <alignment vertical="center"/>
    </xf>
    <xf numFmtId="0" fontId="0" fillId="0" borderId="0" xfId="0" applyAlignment="1">
      <alignment vertical="center"/>
    </xf>
    <xf numFmtId="0" fontId="2" fillId="0" borderId="0" xfId="0" applyFont="1" applyAlignment="1">
      <alignment vertical="center"/>
    </xf>
    <xf numFmtId="0" fontId="0" fillId="0" borderId="3" xfId="0" applyBorder="1" applyAlignment="1">
      <alignment horizontal="center" vertical="center"/>
    </xf>
    <xf numFmtId="0" fontId="0" fillId="0" borderId="13" xfId="0" applyBorder="1" applyAlignment="1">
      <alignment horizontal="center" vertical="center"/>
    </xf>
    <xf numFmtId="0" fontId="0" fillId="0" borderId="6" xfId="0" applyBorder="1" applyAlignment="1">
      <alignment horizontal="center" vertical="center"/>
    </xf>
    <xf numFmtId="0" fontId="0" fillId="0" borderId="6" xfId="0" applyBorder="1" applyAlignment="1">
      <alignment vertical="center"/>
    </xf>
    <xf numFmtId="0" fontId="0" fillId="0" borderId="9" xfId="0" applyBorder="1" applyAlignment="1">
      <alignment vertical="center"/>
    </xf>
    <xf numFmtId="0" fontId="0" fillId="0" borderId="16" xfId="0" applyBorder="1" applyAlignment="1">
      <alignment vertical="center"/>
    </xf>
    <xf numFmtId="31" fontId="0" fillId="0" borderId="2" xfId="0" applyNumberFormat="1" applyBorder="1" applyAlignment="1">
      <alignment vertical="center"/>
    </xf>
    <xf numFmtId="0" fontId="0" fillId="0" borderId="0" xfId="0" applyBorder="1">
      <alignment vertical="center"/>
    </xf>
    <xf numFmtId="0" fontId="0" fillId="0" borderId="9" xfId="0" applyBorder="1" applyAlignment="1">
      <alignment horizontal="right" vertical="center" wrapText="1"/>
    </xf>
    <xf numFmtId="31" fontId="0" fillId="0" borderId="0" xfId="0" applyNumberFormat="1" applyBorder="1" applyAlignment="1">
      <alignment vertical="center"/>
    </xf>
    <xf numFmtId="0" fontId="0" fillId="0" borderId="17" xfId="0" applyBorder="1" applyAlignment="1">
      <alignment vertical="center"/>
    </xf>
    <xf numFmtId="0" fontId="0" fillId="0" borderId="13" xfId="0" applyBorder="1" applyAlignment="1">
      <alignment horizontal="center" vertical="center" wrapText="1"/>
    </xf>
    <xf numFmtId="0" fontId="0" fillId="0" borderId="10" xfId="0" applyBorder="1" applyAlignment="1">
      <alignment vertical="center" textRotation="255"/>
    </xf>
    <xf numFmtId="0" fontId="0" fillId="0" borderId="8" xfId="0" applyBorder="1">
      <alignment vertical="center"/>
    </xf>
    <xf numFmtId="0" fontId="3" fillId="0" borderId="0" xfId="0" applyFont="1">
      <alignment vertical="center"/>
    </xf>
    <xf numFmtId="0" fontId="5" fillId="0" borderId="0" xfId="0" applyFont="1" applyAlignment="1">
      <alignment vertical="center"/>
    </xf>
    <xf numFmtId="0" fontId="6" fillId="0" borderId="11" xfId="0" applyFont="1" applyBorder="1">
      <alignment vertical="center"/>
    </xf>
    <xf numFmtId="0" fontId="6" fillId="0" borderId="13" xfId="0" applyFont="1" applyBorder="1">
      <alignment vertical="center"/>
    </xf>
    <xf numFmtId="0" fontId="6" fillId="0" borderId="14" xfId="0" applyFont="1" applyBorder="1">
      <alignment vertical="center"/>
    </xf>
    <xf numFmtId="0" fontId="6" fillId="0" borderId="1" xfId="0" applyFont="1" applyBorder="1">
      <alignment vertical="center"/>
    </xf>
    <xf numFmtId="0" fontId="6" fillId="0" borderId="6" xfId="0" applyFont="1" applyBorder="1">
      <alignment vertical="center"/>
    </xf>
    <xf numFmtId="0" fontId="6" fillId="0" borderId="15" xfId="0" applyFont="1" applyBorder="1">
      <alignment vertical="center"/>
    </xf>
    <xf numFmtId="0" fontId="6" fillId="0" borderId="3" xfId="0" applyFont="1" applyBorder="1">
      <alignment vertical="center"/>
    </xf>
    <xf numFmtId="0" fontId="6" fillId="0" borderId="17" xfId="0" applyFont="1" applyBorder="1">
      <alignment vertical="center"/>
    </xf>
    <xf numFmtId="0" fontId="6" fillId="0" borderId="19" xfId="0" applyFont="1" applyBorder="1">
      <alignment vertical="center"/>
    </xf>
    <xf numFmtId="0" fontId="6" fillId="0" borderId="17" xfId="0" applyFont="1" applyBorder="1" applyAlignment="1">
      <alignment horizontal="center" vertical="center" wrapText="1"/>
    </xf>
    <xf numFmtId="0" fontId="6" fillId="0" borderId="16" xfId="0" applyFont="1" applyBorder="1" applyAlignment="1">
      <alignment horizontal="center" vertical="center" wrapText="1"/>
    </xf>
    <xf numFmtId="0" fontId="6" fillId="0" borderId="18" xfId="0" applyFont="1" applyBorder="1" applyAlignment="1">
      <alignment horizontal="center" vertical="center"/>
    </xf>
    <xf numFmtId="0" fontId="6" fillId="0" borderId="17" xfId="0" applyFont="1" applyBorder="1" applyAlignment="1">
      <alignment horizontal="center" vertical="center"/>
    </xf>
    <xf numFmtId="0" fontId="6" fillId="0" borderId="19" xfId="0" applyFont="1" applyBorder="1" applyAlignment="1">
      <alignment horizontal="center" vertical="center" wrapText="1"/>
    </xf>
    <xf numFmtId="0" fontId="6" fillId="0" borderId="19" xfId="0" applyFont="1" applyBorder="1" applyAlignment="1">
      <alignment horizontal="center" vertical="center"/>
    </xf>
    <xf numFmtId="0" fontId="6" fillId="0" borderId="16" xfId="0" applyFont="1" applyBorder="1" applyAlignment="1">
      <alignment horizontal="center" vertical="center"/>
    </xf>
    <xf numFmtId="49" fontId="6" fillId="0" borderId="0" xfId="0" applyNumberFormat="1" applyFont="1" applyBorder="1" applyAlignment="1">
      <alignment horizontal="center" vertical="center" wrapText="1"/>
    </xf>
    <xf numFmtId="0" fontId="6" fillId="0" borderId="2" xfId="0" applyFont="1" applyBorder="1" applyAlignment="1">
      <alignment horizontal="center" vertical="center"/>
    </xf>
    <xf numFmtId="0" fontId="6" fillId="0" borderId="10" xfId="0" applyFont="1" applyBorder="1" applyAlignment="1">
      <alignment horizontal="center" vertical="center"/>
    </xf>
    <xf numFmtId="0" fontId="6" fillId="0" borderId="20" xfId="0" applyFont="1" applyBorder="1">
      <alignment vertical="center"/>
    </xf>
    <xf numFmtId="0" fontId="6" fillId="0" borderId="4" xfId="0" applyFont="1" applyBorder="1" applyAlignment="1">
      <alignment horizontal="center" vertical="center"/>
    </xf>
    <xf numFmtId="0" fontId="6" fillId="0" borderId="0" xfId="0" applyFont="1" applyBorder="1" applyAlignment="1">
      <alignment horizontal="center" vertical="center"/>
    </xf>
    <xf numFmtId="0" fontId="6" fillId="0" borderId="6" xfId="0" applyFont="1" applyBorder="1" applyAlignment="1">
      <alignment vertical="center"/>
    </xf>
    <xf numFmtId="0" fontId="6" fillId="0" borderId="9" xfId="0" applyFont="1" applyBorder="1" applyAlignment="1">
      <alignment vertical="center"/>
    </xf>
    <xf numFmtId="0" fontId="6" fillId="0" borderId="16" xfId="0" applyFont="1" applyBorder="1" applyAlignment="1">
      <alignment vertical="center"/>
    </xf>
    <xf numFmtId="0" fontId="6" fillId="0" borderId="9" xfId="0" applyFont="1" applyBorder="1" applyAlignment="1">
      <alignment horizontal="right" vertical="center" wrapText="1"/>
    </xf>
    <xf numFmtId="31" fontId="6" fillId="0" borderId="2" xfId="0" applyNumberFormat="1" applyFont="1" applyBorder="1" applyAlignment="1">
      <alignment vertical="center"/>
    </xf>
    <xf numFmtId="0" fontId="4" fillId="0" borderId="0" xfId="0" applyFont="1" applyAlignment="1">
      <alignment horizontal="center" vertical="center"/>
    </xf>
    <xf numFmtId="0" fontId="0" fillId="0" borderId="0" xfId="0" applyAlignment="1">
      <alignment vertical="center"/>
    </xf>
    <xf numFmtId="0" fontId="6" fillId="0" borderId="9" xfId="0" applyFont="1" applyBorder="1" applyAlignment="1">
      <alignment horizontal="center" vertical="center"/>
    </xf>
    <xf numFmtId="0" fontId="6" fillId="0" borderId="5" xfId="0" applyFont="1" applyBorder="1" applyAlignment="1">
      <alignment horizontal="center" vertical="center"/>
    </xf>
    <xf numFmtId="0" fontId="6" fillId="0" borderId="1" xfId="0" applyFont="1" applyBorder="1" applyAlignment="1">
      <alignment horizontal="center" vertical="center" wrapText="1"/>
    </xf>
    <xf numFmtId="0" fontId="6" fillId="0" borderId="3" xfId="0" applyFont="1" applyBorder="1" applyAlignment="1">
      <alignment horizontal="center" vertical="center" wrapText="1"/>
    </xf>
    <xf numFmtId="0" fontId="6" fillId="0" borderId="14" xfId="0" applyFont="1" applyBorder="1" applyAlignment="1">
      <alignment vertical="center"/>
    </xf>
    <xf numFmtId="0" fontId="6" fillId="0" borderId="1" xfId="0" applyFont="1" applyBorder="1" applyAlignment="1">
      <alignment vertical="center"/>
    </xf>
    <xf numFmtId="0" fontId="6" fillId="0" borderId="15" xfId="0" applyFont="1" applyBorder="1" applyAlignment="1">
      <alignment vertical="center"/>
    </xf>
    <xf numFmtId="0" fontId="6" fillId="0" borderId="3" xfId="0" applyFont="1" applyBorder="1" applyAlignment="1">
      <alignment vertical="center"/>
    </xf>
    <xf numFmtId="0" fontId="6" fillId="0" borderId="11" xfId="0" applyFont="1" applyBorder="1" applyAlignment="1">
      <alignment vertical="center"/>
    </xf>
    <xf numFmtId="0" fontId="6" fillId="0" borderId="13" xfId="0" applyFont="1" applyBorder="1" applyAlignment="1">
      <alignment vertical="center"/>
    </xf>
    <xf numFmtId="0" fontId="6" fillId="0" borderId="9" xfId="0" applyFont="1" applyBorder="1" applyAlignment="1">
      <alignment horizontal="center" vertical="center" wrapText="1"/>
    </xf>
    <xf numFmtId="0" fontId="6" fillId="0" borderId="5" xfId="0" applyFont="1" applyBorder="1" applyAlignment="1">
      <alignment horizontal="center" vertical="center" wrapText="1"/>
    </xf>
    <xf numFmtId="0" fontId="6" fillId="0" borderId="6"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15" xfId="0" applyFont="1" applyBorder="1" applyAlignment="1">
      <alignment horizontal="center" vertical="center" wrapText="1"/>
    </xf>
    <xf numFmtId="0" fontId="7" fillId="0" borderId="1" xfId="0" applyFont="1" applyBorder="1" applyAlignment="1">
      <alignment vertical="center" wrapText="1"/>
    </xf>
    <xf numFmtId="0" fontId="7" fillId="0" borderId="3" xfId="0" applyFont="1" applyBorder="1" applyAlignment="1">
      <alignment vertical="center" wrapText="1"/>
    </xf>
    <xf numFmtId="0" fontId="6" fillId="0" borderId="1" xfId="0" applyFont="1" applyBorder="1" applyAlignment="1">
      <alignment horizontal="center" vertical="center"/>
    </xf>
    <xf numFmtId="0" fontId="6" fillId="0" borderId="3" xfId="0" applyFont="1" applyBorder="1" applyAlignment="1">
      <alignment horizontal="center" vertical="center"/>
    </xf>
    <xf numFmtId="0" fontId="6" fillId="0" borderId="11" xfId="0" applyFont="1" applyBorder="1" applyAlignment="1">
      <alignment horizontal="center" vertical="center" wrapText="1"/>
    </xf>
    <xf numFmtId="0" fontId="6" fillId="0" borderId="6" xfId="0" applyFont="1" applyBorder="1" applyAlignment="1">
      <alignment horizontal="center" vertical="center"/>
    </xf>
    <xf numFmtId="0" fontId="7" fillId="0" borderId="9" xfId="0" applyFont="1" applyBorder="1" applyAlignment="1">
      <alignment vertical="center" wrapText="1"/>
    </xf>
    <xf numFmtId="0" fontId="7" fillId="0" borderId="5" xfId="0" applyFont="1" applyBorder="1" applyAlignment="1">
      <alignment vertical="center" wrapText="1"/>
    </xf>
    <xf numFmtId="0" fontId="6" fillId="0" borderId="4"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6" fillId="0" borderId="11" xfId="0" applyFont="1" applyBorder="1" applyAlignment="1">
      <alignment horizontal="center" vertical="center"/>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0" xfId="0" applyFont="1" applyBorder="1" applyAlignment="1">
      <alignment horizontal="center" vertical="center"/>
    </xf>
    <xf numFmtId="0" fontId="6" fillId="0" borderId="2" xfId="0" applyFont="1" applyBorder="1" applyAlignment="1">
      <alignment horizontal="center" vertical="center"/>
    </xf>
    <xf numFmtId="0" fontId="6" fillId="0" borderId="12" xfId="0" applyFont="1" applyBorder="1" applyAlignment="1">
      <alignment horizontal="center" vertical="center" wrapText="1"/>
    </xf>
    <xf numFmtId="0" fontId="6" fillId="0" borderId="0" xfId="0" applyFont="1" applyBorder="1" applyAlignment="1">
      <alignment horizontal="center" vertical="center" wrapText="1"/>
    </xf>
    <xf numFmtId="0" fontId="6" fillId="0" borderId="2" xfId="0" applyFont="1" applyBorder="1" applyAlignment="1">
      <alignment horizontal="center" vertical="center" wrapText="1"/>
    </xf>
    <xf numFmtId="0" fontId="6" fillId="0" borderId="2" xfId="0" applyFont="1" applyBorder="1" applyAlignment="1">
      <alignment horizontal="right" vertical="center"/>
    </xf>
    <xf numFmtId="0" fontId="6" fillId="0" borderId="12" xfId="0" applyFont="1" applyBorder="1" applyAlignment="1">
      <alignment vertical="center"/>
    </xf>
    <xf numFmtId="0" fontId="6" fillId="0" borderId="24" xfId="0" applyFont="1" applyBorder="1" applyAlignment="1">
      <alignment horizontal="center" vertical="center" wrapText="1"/>
    </xf>
    <xf numFmtId="0" fontId="0" fillId="0" borderId="11" xfId="0" applyBorder="1" applyAlignment="1">
      <alignment horizontal="center" vertical="center" wrapText="1"/>
    </xf>
    <xf numFmtId="0" fontId="0" fillId="0" borderId="15" xfId="0" applyBorder="1" applyAlignment="1">
      <alignment horizontal="center" vertical="center" wrapText="1"/>
    </xf>
    <xf numFmtId="0" fontId="0" fillId="0" borderId="9" xfId="0" applyBorder="1" applyAlignment="1">
      <alignment horizontal="center" vertical="center" wrapText="1"/>
    </xf>
    <xf numFmtId="0" fontId="0" fillId="0" borderId="5" xfId="0" applyBorder="1" applyAlignment="1">
      <alignment horizontal="center" vertical="center" wrapText="1"/>
    </xf>
    <xf numFmtId="0" fontId="6" fillId="0" borderId="15" xfId="0" applyFont="1" applyBorder="1" applyAlignment="1">
      <alignment horizontal="center" vertical="center"/>
    </xf>
    <xf numFmtId="0" fontId="0" fillId="0" borderId="14" xfId="0" applyBorder="1" applyAlignment="1">
      <alignment horizontal="center" vertical="center" wrapText="1"/>
    </xf>
    <xf numFmtId="0" fontId="0" fillId="0" borderId="4"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6" fillId="0" borderId="14" xfId="0" applyFont="1" applyBorder="1" applyAlignment="1">
      <alignment horizontal="center" vertical="center"/>
    </xf>
    <xf numFmtId="0" fontId="0" fillId="0" borderId="6" xfId="0" applyBorder="1" applyAlignment="1">
      <alignment horizontal="center" vertical="center" wrapText="1"/>
    </xf>
    <xf numFmtId="0" fontId="0" fillId="0" borderId="16" xfId="0" applyBorder="1" applyAlignment="1">
      <alignment horizontal="center" vertical="center" wrapText="1"/>
    </xf>
    <xf numFmtId="0" fontId="0" fillId="0" borderId="9" xfId="0" applyBorder="1" applyAlignment="1">
      <alignment horizontal="center" vertical="center"/>
    </xf>
    <xf numFmtId="0" fontId="0" fillId="0" borderId="16" xfId="0" applyBorder="1" applyAlignment="1">
      <alignment horizontal="center" vertical="center"/>
    </xf>
    <xf numFmtId="0" fontId="6" fillId="0" borderId="16" xfId="0" applyFont="1" applyBorder="1" applyAlignment="1">
      <alignment horizontal="center" vertical="center" wrapText="1"/>
    </xf>
    <xf numFmtId="0" fontId="6" fillId="0" borderId="18" xfId="0" applyFont="1" applyBorder="1" applyAlignment="1">
      <alignment horizontal="center" vertical="center"/>
    </xf>
    <xf numFmtId="0" fontId="6" fillId="0" borderId="16" xfId="0" applyFont="1" applyBorder="1" applyAlignment="1">
      <alignment horizontal="center" vertical="center"/>
    </xf>
    <xf numFmtId="0" fontId="6" fillId="0" borderId="18" xfId="0" applyFont="1" applyBorder="1" applyAlignment="1">
      <alignment horizontal="center" vertical="center" wrapText="1"/>
    </xf>
    <xf numFmtId="0" fontId="0" fillId="0" borderId="14" xfId="0" applyBorder="1" applyAlignment="1">
      <alignment horizontal="right" vertical="center" wrapText="1"/>
    </xf>
    <xf numFmtId="0" fontId="0" fillId="0" borderId="1" xfId="0" applyBorder="1" applyAlignment="1">
      <alignment horizontal="right" vertical="center" wrapText="1"/>
    </xf>
    <xf numFmtId="0" fontId="0" fillId="0" borderId="11"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0" xfId="0" applyBorder="1" applyAlignment="1">
      <alignment horizontal="center" vertical="center"/>
    </xf>
    <xf numFmtId="0" fontId="0" fillId="0" borderId="1" xfId="0"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1" xfId="0" applyBorder="1" applyAlignment="1">
      <alignment horizontal="center" vertical="center" wrapText="1"/>
    </xf>
    <xf numFmtId="0" fontId="0" fillId="0" borderId="3" xfId="0" applyBorder="1" applyAlignment="1">
      <alignment horizontal="center" vertical="center" wrapText="1"/>
    </xf>
    <xf numFmtId="0" fontId="0" fillId="0" borderId="14" xfId="0" applyBorder="1" applyAlignment="1">
      <alignment vertical="center" wrapText="1"/>
    </xf>
    <xf numFmtId="0" fontId="0" fillId="0" borderId="1" xfId="0" applyBorder="1" applyAlignment="1">
      <alignment vertical="center" wrapText="1"/>
    </xf>
    <xf numFmtId="0" fontId="0" fillId="0" borderId="17" xfId="0" applyBorder="1" applyAlignment="1">
      <alignment vertical="center" wrapText="1"/>
    </xf>
    <xf numFmtId="0" fontId="0" fillId="0" borderId="19" xfId="0" applyBorder="1" applyAlignment="1">
      <alignment vertical="center" wrapText="1"/>
    </xf>
    <xf numFmtId="0" fontId="0" fillId="0" borderId="13" xfId="0" applyBorder="1" applyAlignment="1">
      <alignment horizontal="center" vertical="center" wrapText="1"/>
    </xf>
    <xf numFmtId="0" fontId="0" fillId="0" borderId="9" xfId="0" applyBorder="1" applyAlignment="1">
      <alignment vertical="center" wrapText="1"/>
    </xf>
    <xf numFmtId="0" fontId="0" fillId="0" borderId="16" xfId="0" applyBorder="1" applyAlignment="1">
      <alignment vertical="center" wrapText="1"/>
    </xf>
    <xf numFmtId="0" fontId="0" fillId="0" borderId="17" xfId="0" applyBorder="1" applyAlignment="1">
      <alignment horizontal="center" vertical="center" wrapText="1"/>
    </xf>
    <xf numFmtId="0" fontId="0" fillId="0" borderId="19" xfId="0" applyBorder="1" applyAlignment="1">
      <alignment horizontal="center" vertical="center" wrapText="1"/>
    </xf>
    <xf numFmtId="0" fontId="0" fillId="0" borderId="15" xfId="0" applyBorder="1" applyAlignment="1">
      <alignment horizontal="center" vertical="center"/>
    </xf>
    <xf numFmtId="0" fontId="0" fillId="0" borderId="3" xfId="0" applyBorder="1" applyAlignment="1">
      <alignment horizontal="center" vertical="center"/>
    </xf>
    <xf numFmtId="0" fontId="0" fillId="0" borderId="2" xfId="0" applyBorder="1" applyAlignment="1">
      <alignment horizontal="center" vertical="center"/>
    </xf>
    <xf numFmtId="0" fontId="0" fillId="0" borderId="9" xfId="0" applyBorder="1" applyAlignment="1">
      <alignment horizontal="center" vertical="center" textRotation="255"/>
    </xf>
    <xf numFmtId="0" fontId="0" fillId="0" borderId="5" xfId="0" applyBorder="1" applyAlignment="1">
      <alignment horizontal="center" vertical="center" textRotation="255"/>
    </xf>
    <xf numFmtId="0" fontId="0" fillId="0" borderId="6" xfId="0" applyBorder="1" applyAlignment="1">
      <alignment horizontal="center" vertical="center"/>
    </xf>
    <xf numFmtId="0" fontId="0" fillId="0" borderId="5" xfId="0" applyBorder="1" applyAlignment="1">
      <alignment horizontal="center" vertical="center"/>
    </xf>
    <xf numFmtId="0" fontId="0" fillId="0" borderId="12" xfId="0" applyBorder="1" applyAlignment="1">
      <alignment horizontal="center" vertical="center" wrapText="1"/>
    </xf>
    <xf numFmtId="0" fontId="0" fillId="0" borderId="0" xfId="0" applyBorder="1" applyAlignment="1">
      <alignment horizontal="center" vertical="center" wrapText="1"/>
    </xf>
    <xf numFmtId="0" fontId="0" fillId="0" borderId="18" xfId="0" applyBorder="1" applyAlignment="1">
      <alignment horizontal="center" vertical="center" wrapText="1"/>
    </xf>
    <xf numFmtId="0" fontId="6" fillId="0" borderId="6" xfId="0" applyFont="1" applyBorder="1" applyAlignment="1">
      <alignment horizontal="center" vertical="center" textRotation="255"/>
    </xf>
    <xf numFmtId="0" fontId="6" fillId="0" borderId="9" xfId="0" applyFont="1" applyBorder="1" applyAlignment="1">
      <alignment horizontal="center" vertical="center" textRotation="255"/>
    </xf>
    <xf numFmtId="0" fontId="6" fillId="0" borderId="16" xfId="0" applyFont="1" applyBorder="1" applyAlignment="1">
      <alignment horizontal="center" vertical="center" textRotation="255"/>
    </xf>
    <xf numFmtId="0" fontId="6" fillId="0" borderId="17" xfId="0" applyFont="1" applyBorder="1" applyAlignment="1">
      <alignment horizontal="center" vertical="center"/>
    </xf>
    <xf numFmtId="0" fontId="6" fillId="0" borderId="19" xfId="0" applyFont="1" applyBorder="1" applyAlignment="1">
      <alignment horizontal="center" vertical="center"/>
    </xf>
    <xf numFmtId="0" fontId="6" fillId="0" borderId="14" xfId="0" applyFont="1" applyBorder="1" applyAlignment="1">
      <alignment vertical="center" wrapText="1"/>
    </xf>
    <xf numFmtId="0" fontId="6" fillId="0" borderId="1" xfId="0" applyFont="1" applyBorder="1" applyAlignment="1">
      <alignment vertical="center" wrapText="1"/>
    </xf>
    <xf numFmtId="0" fontId="6" fillId="0" borderId="17" xfId="0" applyFont="1" applyBorder="1" applyAlignment="1">
      <alignment vertical="center" wrapText="1"/>
    </xf>
    <xf numFmtId="0" fontId="6" fillId="0" borderId="19" xfId="0" applyFont="1" applyBorder="1" applyAlignment="1">
      <alignment vertical="center" wrapText="1"/>
    </xf>
    <xf numFmtId="0" fontId="6" fillId="0" borderId="17" xfId="0" applyFont="1" applyBorder="1" applyAlignment="1">
      <alignment horizontal="center" vertical="center" wrapText="1"/>
    </xf>
    <xf numFmtId="0" fontId="6" fillId="0" borderId="19" xfId="0" applyFont="1" applyBorder="1" applyAlignment="1">
      <alignment horizontal="center" vertical="center" wrapText="1"/>
    </xf>
    <xf numFmtId="0" fontId="6" fillId="0" borderId="13" xfId="0" applyFont="1" applyBorder="1" applyAlignment="1">
      <alignment horizontal="center" vertical="center" wrapText="1"/>
    </xf>
    <xf numFmtId="0" fontId="6" fillId="0" borderId="21" xfId="0" applyFont="1" applyBorder="1" applyAlignment="1">
      <alignment horizontal="right" vertical="center" wrapText="1"/>
    </xf>
    <xf numFmtId="0" fontId="6" fillId="0" borderId="23" xfId="0" applyFont="1" applyBorder="1" applyAlignment="1">
      <alignment horizontal="right" vertical="center" wrapText="1"/>
    </xf>
    <xf numFmtId="0" fontId="6" fillId="0" borderId="22" xfId="0" applyFont="1" applyBorder="1" applyAlignment="1">
      <alignment horizontal="right" vertical="center" wrapText="1"/>
    </xf>
    <xf numFmtId="0" fontId="0" fillId="0" borderId="6" xfId="0" applyBorder="1" applyAlignment="1">
      <alignment horizontal="right" vertical="center"/>
    </xf>
    <xf numFmtId="0" fontId="0" fillId="0" borderId="5" xfId="0" applyBorder="1" applyAlignment="1">
      <alignment horizontal="righ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L27"/>
  <sheetViews>
    <sheetView tabSelected="1" view="pageBreakPreview" zoomScaleNormal="100" zoomScaleSheetLayoutView="100" workbookViewId="0">
      <selection activeCell="P27" sqref="P27"/>
    </sheetView>
  </sheetViews>
  <sheetFormatPr defaultRowHeight="14.4"/>
  <sheetData>
    <row r="2" spans="1:12">
      <c r="A2" s="26"/>
      <c r="B2" s="26"/>
      <c r="C2" s="26"/>
      <c r="D2" s="26"/>
      <c r="E2" s="26"/>
      <c r="F2" s="26"/>
      <c r="G2" s="26"/>
      <c r="H2" s="26"/>
      <c r="I2" s="26"/>
      <c r="J2" s="26"/>
      <c r="K2" s="26"/>
    </row>
    <row r="3" spans="1:12">
      <c r="A3" s="26"/>
      <c r="B3" s="26"/>
      <c r="C3" s="26"/>
      <c r="D3" s="26"/>
      <c r="E3" s="26"/>
      <c r="F3" s="26"/>
      <c r="G3" s="26"/>
      <c r="H3" s="26"/>
      <c r="I3" s="26"/>
      <c r="J3" s="26"/>
      <c r="K3" s="26"/>
    </row>
    <row r="4" spans="1:12">
      <c r="A4" s="26"/>
      <c r="B4" s="26"/>
      <c r="C4" s="26"/>
      <c r="D4" s="26"/>
      <c r="E4" s="26"/>
      <c r="F4" s="26"/>
      <c r="G4" s="26"/>
      <c r="H4" s="26"/>
      <c r="I4" s="26"/>
      <c r="J4" s="26"/>
      <c r="K4" s="26"/>
    </row>
    <row r="5" spans="1:12" ht="14.25" customHeight="1">
      <c r="A5" s="26"/>
      <c r="B5" s="55"/>
      <c r="C5" s="55"/>
      <c r="D5" s="55"/>
      <c r="E5" s="27"/>
      <c r="F5" s="27"/>
      <c r="G5" s="27"/>
      <c r="H5" s="27"/>
      <c r="I5" s="27"/>
      <c r="J5" s="26"/>
      <c r="K5" s="26"/>
    </row>
    <row r="6" spans="1:12" ht="14.25" customHeight="1">
      <c r="A6" s="26"/>
      <c r="B6" s="55"/>
      <c r="C6" s="55"/>
      <c r="D6" s="55"/>
      <c r="E6" s="27"/>
      <c r="F6" s="27"/>
      <c r="G6" s="27"/>
      <c r="H6" s="27"/>
      <c r="I6" s="27"/>
      <c r="J6" s="26"/>
      <c r="K6" s="26"/>
    </row>
    <row r="7" spans="1:12" ht="14.25" customHeight="1">
      <c r="A7" s="26"/>
      <c r="B7" s="55"/>
      <c r="C7" s="55"/>
      <c r="D7" s="55"/>
      <c r="E7" s="27"/>
      <c r="F7" s="27"/>
      <c r="G7" s="27"/>
      <c r="H7" s="27"/>
      <c r="I7" s="27"/>
      <c r="J7" s="26"/>
      <c r="K7" s="26"/>
    </row>
    <row r="8" spans="1:12">
      <c r="A8" s="26"/>
      <c r="B8" s="26"/>
      <c r="C8" s="26"/>
      <c r="D8" s="26"/>
      <c r="E8" s="26"/>
      <c r="F8" s="26"/>
      <c r="G8" s="26"/>
      <c r="H8" s="26"/>
      <c r="I8" s="26"/>
      <c r="J8" s="26"/>
      <c r="K8" s="26"/>
    </row>
    <row r="9" spans="1:12">
      <c r="A9" s="26"/>
      <c r="B9" s="26"/>
      <c r="C9" s="26"/>
      <c r="D9" s="26"/>
      <c r="E9" s="26"/>
      <c r="F9" s="26"/>
      <c r="G9" s="26"/>
      <c r="H9" s="26"/>
      <c r="I9" s="26"/>
      <c r="J9" s="26"/>
      <c r="K9" s="26"/>
    </row>
    <row r="10" spans="1:12">
      <c r="A10" s="26"/>
      <c r="B10" s="26"/>
      <c r="C10" s="26"/>
      <c r="D10" s="26"/>
      <c r="E10" s="26"/>
      <c r="F10" s="26"/>
      <c r="G10" s="26"/>
      <c r="H10" s="26"/>
      <c r="I10" s="26"/>
      <c r="J10" s="26"/>
      <c r="K10" s="26"/>
    </row>
    <row r="11" spans="1:12">
      <c r="A11" s="26"/>
      <c r="B11" s="26"/>
      <c r="C11" s="26"/>
      <c r="D11" s="26"/>
      <c r="E11" s="26"/>
      <c r="F11" s="26"/>
      <c r="G11" s="26"/>
      <c r="H11" s="26"/>
      <c r="I11" s="26"/>
      <c r="J11" s="26"/>
      <c r="K11" s="26"/>
    </row>
    <row r="12" spans="1:12" ht="14.25" customHeight="1">
      <c r="A12" s="26"/>
      <c r="B12" s="26"/>
      <c r="C12" s="55" t="s">
        <v>37</v>
      </c>
      <c r="D12" s="55"/>
      <c r="E12" s="55"/>
      <c r="F12" s="55"/>
      <c r="G12" s="55"/>
      <c r="H12" s="55"/>
      <c r="I12" s="55"/>
      <c r="J12" s="55"/>
      <c r="K12" s="55"/>
      <c r="L12" s="11"/>
    </row>
    <row r="13" spans="1:12" ht="14.25" customHeight="1">
      <c r="A13" s="26"/>
      <c r="B13" s="26"/>
      <c r="C13" s="55"/>
      <c r="D13" s="55"/>
      <c r="E13" s="55"/>
      <c r="F13" s="55"/>
      <c r="G13" s="55"/>
      <c r="H13" s="55"/>
      <c r="I13" s="55"/>
      <c r="J13" s="55"/>
      <c r="K13" s="55"/>
      <c r="L13" s="11"/>
    </row>
    <row r="14" spans="1:12" ht="14.25" customHeight="1">
      <c r="A14" s="26"/>
      <c r="B14" s="26"/>
      <c r="C14" s="55"/>
      <c r="D14" s="55"/>
      <c r="E14" s="55"/>
      <c r="F14" s="55"/>
      <c r="G14" s="55"/>
      <c r="H14" s="55"/>
      <c r="I14" s="55"/>
      <c r="J14" s="55"/>
      <c r="K14" s="55"/>
      <c r="L14" s="11"/>
    </row>
    <row r="15" spans="1:12" ht="14.25" customHeight="1">
      <c r="A15" s="26"/>
      <c r="B15" s="26"/>
      <c r="C15" s="55"/>
      <c r="D15" s="55"/>
      <c r="E15" s="55"/>
      <c r="F15" s="55"/>
      <c r="G15" s="55"/>
      <c r="H15" s="55"/>
      <c r="I15" s="55"/>
      <c r="J15" s="55"/>
      <c r="K15" s="55"/>
      <c r="L15" s="11"/>
    </row>
    <row r="16" spans="1:12" ht="14.25" customHeight="1">
      <c r="A16" s="26"/>
      <c r="B16" s="26"/>
      <c r="C16" s="27"/>
      <c r="D16" s="27"/>
      <c r="E16" s="27"/>
      <c r="F16" s="27"/>
      <c r="G16" s="27"/>
      <c r="H16" s="27"/>
      <c r="I16" s="27"/>
      <c r="J16" s="27"/>
      <c r="K16" s="27"/>
      <c r="L16" s="11"/>
    </row>
    <row r="17" spans="3:12" ht="14.25" customHeight="1">
      <c r="C17" s="11"/>
      <c r="D17" s="11"/>
      <c r="E17" s="11"/>
      <c r="F17" s="11"/>
      <c r="G17" s="11"/>
      <c r="H17" s="11"/>
      <c r="I17" s="11"/>
      <c r="J17" s="11"/>
      <c r="K17" s="11"/>
      <c r="L17" s="11"/>
    </row>
    <row r="18" spans="3:12" ht="14.25" customHeight="1">
      <c r="C18" s="11"/>
      <c r="D18" s="11"/>
      <c r="E18" s="11"/>
      <c r="F18" s="11"/>
      <c r="G18" s="11"/>
      <c r="H18" s="11"/>
      <c r="I18" s="11"/>
      <c r="J18" s="11"/>
      <c r="K18" s="11"/>
      <c r="L18" s="11"/>
    </row>
    <row r="21" spans="3:12">
      <c r="F21" t="s">
        <v>180</v>
      </c>
    </row>
    <row r="22" spans="3:12">
      <c r="F22" s="56" t="s">
        <v>182</v>
      </c>
      <c r="G22" s="56"/>
      <c r="H22" s="56"/>
      <c r="I22" s="56"/>
      <c r="J22" s="56"/>
    </row>
    <row r="23" spans="3:12">
      <c r="F23" s="56"/>
      <c r="G23" s="56"/>
      <c r="H23" s="56"/>
      <c r="I23" s="56"/>
      <c r="J23" s="56"/>
    </row>
    <row r="25" spans="3:12">
      <c r="D25" s="10"/>
      <c r="E25" s="10"/>
      <c r="F25" s="10" t="s">
        <v>183</v>
      </c>
    </row>
    <row r="26" spans="3:12">
      <c r="D26" s="10"/>
      <c r="E26" s="10"/>
      <c r="F26" s="10"/>
    </row>
    <row r="27" spans="3:12">
      <c r="F27" s="1"/>
      <c r="G27" s="1"/>
      <c r="H27" s="1"/>
      <c r="I27" s="1"/>
      <c r="J27" s="1"/>
    </row>
  </sheetData>
  <mergeCells count="3">
    <mergeCell ref="B5:D7"/>
    <mergeCell ref="C12:K15"/>
    <mergeCell ref="F22:J23"/>
  </mergeCells>
  <phoneticPr fontId="1"/>
  <pageMargins left="0.70866141732283472" right="0.70866141732283472" top="0.74803149606299213" bottom="0.74803149606299213" header="0.31496062992125984" footer="0.31496062992125984"/>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36"/>
  <sheetViews>
    <sheetView view="pageBreakPreview" zoomScaleNormal="100" zoomScaleSheetLayoutView="100" workbookViewId="0">
      <selection activeCell="G35" sqref="G35"/>
    </sheetView>
  </sheetViews>
  <sheetFormatPr defaultRowHeight="14.4"/>
  <cols>
    <col min="2" max="2" width="6.3984375" customWidth="1"/>
  </cols>
  <sheetData>
    <row r="1" spans="1:18" s="26" customFormat="1">
      <c r="A1" s="26" t="s">
        <v>0</v>
      </c>
    </row>
    <row r="2" spans="1:18" s="26" customFormat="1">
      <c r="A2" s="26" t="s">
        <v>1</v>
      </c>
    </row>
    <row r="3" spans="1:18" s="26" customFormat="1">
      <c r="A3" s="26" t="s">
        <v>167</v>
      </c>
    </row>
    <row r="4" spans="1:18" s="26" customFormat="1" ht="14.25" customHeight="1">
      <c r="A4" s="28"/>
      <c r="B4" s="29"/>
      <c r="C4" s="76" t="s">
        <v>168</v>
      </c>
      <c r="D4" s="83" t="s">
        <v>176</v>
      </c>
      <c r="E4" s="84"/>
      <c r="F4" s="84"/>
      <c r="G4" s="84"/>
      <c r="H4" s="84"/>
      <c r="I4" s="84"/>
      <c r="J4" s="84"/>
      <c r="K4" s="84"/>
      <c r="L4" s="84"/>
      <c r="M4" s="84"/>
      <c r="N4" s="84"/>
      <c r="O4" s="84"/>
      <c r="P4" s="84"/>
      <c r="Q4" s="85"/>
      <c r="R4" s="29"/>
    </row>
    <row r="5" spans="1:18" s="26" customFormat="1">
      <c r="A5" s="30"/>
      <c r="B5" s="31"/>
      <c r="C5" s="70"/>
      <c r="D5" s="69" t="s">
        <v>5</v>
      </c>
      <c r="E5" s="84" t="s">
        <v>6</v>
      </c>
      <c r="F5" s="77" t="s">
        <v>7</v>
      </c>
      <c r="G5" s="69" t="s">
        <v>8</v>
      </c>
      <c r="H5" s="88" t="s">
        <v>9</v>
      </c>
      <c r="I5" s="77" t="s">
        <v>10</v>
      </c>
      <c r="J5" s="80" t="s">
        <v>11</v>
      </c>
      <c r="K5" s="81"/>
      <c r="L5" s="81"/>
      <c r="M5" s="81"/>
      <c r="N5" s="81"/>
      <c r="O5" s="81"/>
      <c r="P5" s="82"/>
      <c r="Q5" s="32"/>
      <c r="R5" s="59" t="s">
        <v>169</v>
      </c>
    </row>
    <row r="6" spans="1:18" s="26" customFormat="1" ht="14.25" customHeight="1">
      <c r="A6" s="30"/>
      <c r="B6" s="31"/>
      <c r="C6" s="70"/>
      <c r="D6" s="67"/>
      <c r="E6" s="86"/>
      <c r="F6" s="57"/>
      <c r="G6" s="67"/>
      <c r="H6" s="89"/>
      <c r="I6" s="57"/>
      <c r="J6" s="78" t="s">
        <v>14</v>
      </c>
      <c r="K6" s="72" t="s">
        <v>13</v>
      </c>
      <c r="L6" s="72" t="s">
        <v>12</v>
      </c>
      <c r="M6" s="74" t="s">
        <v>15</v>
      </c>
      <c r="N6" s="74" t="s">
        <v>16</v>
      </c>
      <c r="O6" s="74" t="s">
        <v>17</v>
      </c>
      <c r="P6" s="57" t="s">
        <v>18</v>
      </c>
      <c r="Q6" s="57" t="s">
        <v>19</v>
      </c>
      <c r="R6" s="59"/>
    </row>
    <row r="7" spans="1:18" s="26" customFormat="1">
      <c r="A7" s="30"/>
      <c r="B7" s="31"/>
      <c r="C7" s="70"/>
      <c r="D7" s="67"/>
      <c r="E7" s="86"/>
      <c r="F7" s="57"/>
      <c r="G7" s="67"/>
      <c r="H7" s="89"/>
      <c r="I7" s="57"/>
      <c r="J7" s="78"/>
      <c r="K7" s="72"/>
      <c r="L7" s="72"/>
      <c r="M7" s="74"/>
      <c r="N7" s="74"/>
      <c r="O7" s="74"/>
      <c r="P7" s="57"/>
      <c r="Q7" s="57"/>
      <c r="R7" s="59"/>
    </row>
    <row r="8" spans="1:18" s="26" customFormat="1">
      <c r="A8" s="30"/>
      <c r="B8" s="31"/>
      <c r="C8" s="70"/>
      <c r="D8" s="67"/>
      <c r="E8" s="86"/>
      <c r="F8" s="57"/>
      <c r="G8" s="67"/>
      <c r="H8" s="89"/>
      <c r="I8" s="57"/>
      <c r="J8" s="78"/>
      <c r="K8" s="72"/>
      <c r="L8" s="72"/>
      <c r="M8" s="74"/>
      <c r="N8" s="74"/>
      <c r="O8" s="74"/>
      <c r="P8" s="57"/>
      <c r="Q8" s="57"/>
      <c r="R8" s="59"/>
    </row>
    <row r="9" spans="1:18" s="26" customFormat="1">
      <c r="A9" s="30"/>
      <c r="B9" s="31"/>
      <c r="C9" s="70"/>
      <c r="D9" s="67"/>
      <c r="E9" s="86"/>
      <c r="F9" s="57"/>
      <c r="G9" s="67"/>
      <c r="H9" s="89"/>
      <c r="I9" s="57"/>
      <c r="J9" s="78"/>
      <c r="K9" s="72"/>
      <c r="L9" s="72"/>
      <c r="M9" s="74"/>
      <c r="N9" s="74"/>
      <c r="O9" s="74"/>
      <c r="P9" s="57"/>
      <c r="Q9" s="57"/>
      <c r="R9" s="59"/>
    </row>
    <row r="10" spans="1:18" s="26" customFormat="1" ht="62.25" customHeight="1">
      <c r="A10" s="33"/>
      <c r="B10" s="34"/>
      <c r="C10" s="71"/>
      <c r="D10" s="68"/>
      <c r="E10" s="87"/>
      <c r="F10" s="58"/>
      <c r="G10" s="68"/>
      <c r="H10" s="90"/>
      <c r="I10" s="58"/>
      <c r="J10" s="79"/>
      <c r="K10" s="73"/>
      <c r="L10" s="73"/>
      <c r="M10" s="75"/>
      <c r="N10" s="75"/>
      <c r="O10" s="75"/>
      <c r="P10" s="58"/>
      <c r="Q10" s="58"/>
      <c r="R10" s="60"/>
    </row>
    <row r="11" spans="1:18" s="26" customFormat="1" ht="15" customHeight="1" thickBot="1">
      <c r="A11" s="35"/>
      <c r="B11" s="36"/>
      <c r="C11" s="37" t="s">
        <v>22</v>
      </c>
      <c r="D11" s="38" t="s">
        <v>23</v>
      </c>
      <c r="E11" s="39" t="s">
        <v>24</v>
      </c>
      <c r="F11" s="40" t="s">
        <v>25</v>
      </c>
      <c r="G11" s="37" t="s">
        <v>26</v>
      </c>
      <c r="H11" s="38" t="s">
        <v>27</v>
      </c>
      <c r="I11" s="40" t="s">
        <v>28</v>
      </c>
      <c r="J11" s="38" t="s">
        <v>29</v>
      </c>
      <c r="K11" s="41" t="s">
        <v>163</v>
      </c>
      <c r="L11" s="41" t="s">
        <v>30</v>
      </c>
      <c r="M11" s="42" t="s">
        <v>31</v>
      </c>
      <c r="N11" s="42" t="s">
        <v>32</v>
      </c>
      <c r="O11" s="42" t="s">
        <v>33</v>
      </c>
      <c r="P11" s="40" t="s">
        <v>34</v>
      </c>
      <c r="Q11" s="43" t="s">
        <v>35</v>
      </c>
      <c r="R11" s="38" t="s">
        <v>36</v>
      </c>
    </row>
    <row r="12" spans="1:18" s="26" customFormat="1" ht="18.75" customHeight="1" thickTop="1">
      <c r="A12" s="61" t="s">
        <v>2</v>
      </c>
      <c r="B12" s="62"/>
      <c r="C12" s="67"/>
      <c r="D12" s="44" t="s">
        <v>20</v>
      </c>
      <c r="E12" s="70"/>
      <c r="F12" s="70"/>
      <c r="G12" s="70">
        <f>D13-E12-E13-F12-F13</f>
        <v>0</v>
      </c>
      <c r="H12" s="70"/>
      <c r="I12" s="70"/>
      <c r="J12" s="70"/>
      <c r="K12" s="70"/>
      <c r="L12" s="70"/>
      <c r="M12" s="70"/>
      <c r="N12" s="70"/>
      <c r="O12" s="70"/>
      <c r="P12" s="70">
        <f>SUM(J12:O13)</f>
        <v>0</v>
      </c>
      <c r="Q12" s="70"/>
      <c r="R12" s="67">
        <f>C12+C13+G12+G13+H12+H13+I12+I13-P12-P13-Q12-Q13</f>
        <v>0</v>
      </c>
    </row>
    <row r="13" spans="1:18" s="26" customFormat="1" ht="27.75" customHeight="1">
      <c r="A13" s="63"/>
      <c r="B13" s="64"/>
      <c r="C13" s="68"/>
      <c r="D13" s="45"/>
      <c r="E13" s="71"/>
      <c r="F13" s="71"/>
      <c r="G13" s="71"/>
      <c r="H13" s="71"/>
      <c r="I13" s="71"/>
      <c r="J13" s="71"/>
      <c r="K13" s="71"/>
      <c r="L13" s="71"/>
      <c r="M13" s="71"/>
      <c r="N13" s="71"/>
      <c r="O13" s="71"/>
      <c r="P13" s="71"/>
      <c r="Q13" s="71"/>
      <c r="R13" s="68"/>
    </row>
    <row r="14" spans="1:18" s="26" customFormat="1" ht="18.75" customHeight="1">
      <c r="A14" s="65" t="s">
        <v>3</v>
      </c>
      <c r="B14" s="66"/>
      <c r="C14" s="69"/>
      <c r="D14" s="44" t="s">
        <v>20</v>
      </c>
      <c r="E14" s="76"/>
      <c r="F14" s="76"/>
      <c r="G14" s="70">
        <f>D15-E14-E15-F14-F15</f>
        <v>0</v>
      </c>
      <c r="H14" s="76"/>
      <c r="I14" s="76"/>
      <c r="J14" s="76"/>
      <c r="K14" s="76"/>
      <c r="L14" s="76"/>
      <c r="M14" s="76"/>
      <c r="N14" s="76"/>
      <c r="O14" s="76"/>
      <c r="P14" s="70">
        <f>SUM(J14:O15)</f>
        <v>0</v>
      </c>
      <c r="Q14" s="76"/>
      <c r="R14" s="67">
        <f>C14+C15+G14+G15+H14+H15+I14+I15-P14-P15-Q14-Q15</f>
        <v>0</v>
      </c>
    </row>
    <row r="15" spans="1:18" s="26" customFormat="1" ht="27.75" customHeight="1">
      <c r="A15" s="63"/>
      <c r="B15" s="64"/>
      <c r="C15" s="68"/>
      <c r="D15" s="45"/>
      <c r="E15" s="71"/>
      <c r="F15" s="71"/>
      <c r="G15" s="71"/>
      <c r="H15" s="71"/>
      <c r="I15" s="71"/>
      <c r="J15" s="71"/>
      <c r="K15" s="71"/>
      <c r="L15" s="71"/>
      <c r="M15" s="71"/>
      <c r="N15" s="71"/>
      <c r="O15" s="71"/>
      <c r="P15" s="71"/>
      <c r="Q15" s="71"/>
      <c r="R15" s="68"/>
    </row>
    <row r="16" spans="1:18" s="26" customFormat="1" ht="37.5" customHeight="1">
      <c r="A16" s="33" t="s">
        <v>4</v>
      </c>
      <c r="B16" s="34"/>
      <c r="C16" s="46"/>
      <c r="D16" s="47"/>
      <c r="E16" s="47"/>
      <c r="F16" s="47"/>
      <c r="G16" s="47"/>
      <c r="H16" s="46"/>
      <c r="I16" s="45"/>
      <c r="J16" s="46"/>
      <c r="K16" s="48"/>
      <c r="L16" s="46"/>
      <c r="M16" s="45"/>
      <c r="N16" s="46"/>
      <c r="O16" s="45"/>
      <c r="P16" s="46">
        <f>SUM(J16:O16)</f>
        <v>0</v>
      </c>
      <c r="Q16" s="45"/>
      <c r="R16" s="46">
        <f>C16+H16+I16-P16-Q16</f>
        <v>0</v>
      </c>
    </row>
    <row r="17" spans="1:18" s="26" customFormat="1">
      <c r="B17" s="84" t="s">
        <v>21</v>
      </c>
      <c r="C17" s="84"/>
      <c r="D17" s="84"/>
      <c r="E17" s="84"/>
      <c r="F17" s="84"/>
      <c r="G17" s="84"/>
      <c r="H17" s="84"/>
      <c r="I17" s="84"/>
      <c r="J17" s="84"/>
      <c r="K17" s="84"/>
      <c r="L17" s="84"/>
    </row>
    <row r="18" spans="1:18" s="26" customFormat="1">
      <c r="B18" s="49"/>
      <c r="C18" s="49"/>
      <c r="D18" s="49"/>
      <c r="E18" s="49"/>
      <c r="F18" s="49"/>
      <c r="G18" s="49"/>
      <c r="H18" s="49"/>
      <c r="I18" s="49"/>
      <c r="J18" s="49"/>
      <c r="K18" s="49"/>
      <c r="L18" s="49"/>
    </row>
    <row r="19" spans="1:18" s="26" customFormat="1">
      <c r="A19" s="26" t="s">
        <v>170</v>
      </c>
      <c r="O19" s="91" t="s">
        <v>171</v>
      </c>
      <c r="P19" s="91"/>
      <c r="Q19" s="91"/>
      <c r="R19" s="91"/>
    </row>
    <row r="20" spans="1:18" s="26" customFormat="1" ht="14.25" customHeight="1">
      <c r="A20" s="28"/>
      <c r="B20" s="29"/>
      <c r="C20" s="76" t="s">
        <v>172</v>
      </c>
      <c r="D20" s="83" t="s">
        <v>177</v>
      </c>
      <c r="E20" s="84"/>
      <c r="F20" s="84"/>
      <c r="G20" s="84"/>
      <c r="H20" s="84"/>
      <c r="I20" s="84"/>
      <c r="J20" s="84"/>
      <c r="K20" s="84"/>
      <c r="L20" s="84"/>
      <c r="M20" s="84"/>
      <c r="N20" s="84"/>
      <c r="O20" s="84"/>
      <c r="P20" s="84"/>
      <c r="Q20" s="85"/>
      <c r="R20" s="29"/>
    </row>
    <row r="21" spans="1:18" s="26" customFormat="1">
      <c r="A21" s="30"/>
      <c r="B21" s="31"/>
      <c r="C21" s="70"/>
      <c r="D21" s="69" t="s">
        <v>5</v>
      </c>
      <c r="E21" s="84" t="s">
        <v>6</v>
      </c>
      <c r="F21" s="77" t="s">
        <v>7</v>
      </c>
      <c r="G21" s="69" t="s">
        <v>8</v>
      </c>
      <c r="H21" s="88" t="s">
        <v>9</v>
      </c>
      <c r="I21" s="77" t="s">
        <v>10</v>
      </c>
      <c r="J21" s="80" t="s">
        <v>11</v>
      </c>
      <c r="K21" s="81"/>
      <c r="L21" s="81"/>
      <c r="M21" s="81"/>
      <c r="N21" s="81"/>
      <c r="O21" s="81"/>
      <c r="P21" s="82"/>
      <c r="Q21" s="32"/>
      <c r="R21" s="59" t="s">
        <v>178</v>
      </c>
    </row>
    <row r="22" spans="1:18" s="26" customFormat="1" ht="14.25" customHeight="1">
      <c r="A22" s="30"/>
      <c r="B22" s="31"/>
      <c r="C22" s="70"/>
      <c r="D22" s="67"/>
      <c r="E22" s="86"/>
      <c r="F22" s="57"/>
      <c r="G22" s="67"/>
      <c r="H22" s="89"/>
      <c r="I22" s="57"/>
      <c r="J22" s="78" t="s">
        <v>14</v>
      </c>
      <c r="K22" s="72" t="s">
        <v>13</v>
      </c>
      <c r="L22" s="72" t="s">
        <v>12</v>
      </c>
      <c r="M22" s="74" t="s">
        <v>15</v>
      </c>
      <c r="N22" s="74" t="s">
        <v>16</v>
      </c>
      <c r="O22" s="74" t="s">
        <v>17</v>
      </c>
      <c r="P22" s="74" t="s">
        <v>18</v>
      </c>
      <c r="Q22" s="74" t="s">
        <v>19</v>
      </c>
      <c r="R22" s="59"/>
    </row>
    <row r="23" spans="1:18" s="26" customFormat="1">
      <c r="A23" s="30"/>
      <c r="B23" s="31"/>
      <c r="C23" s="70"/>
      <c r="D23" s="67"/>
      <c r="E23" s="86"/>
      <c r="F23" s="57"/>
      <c r="G23" s="67"/>
      <c r="H23" s="89"/>
      <c r="I23" s="57"/>
      <c r="J23" s="78"/>
      <c r="K23" s="72"/>
      <c r="L23" s="72"/>
      <c r="M23" s="74"/>
      <c r="N23" s="74"/>
      <c r="O23" s="74"/>
      <c r="P23" s="74"/>
      <c r="Q23" s="74"/>
      <c r="R23" s="59"/>
    </row>
    <row r="24" spans="1:18" s="26" customFormat="1">
      <c r="A24" s="30"/>
      <c r="B24" s="31"/>
      <c r="C24" s="70"/>
      <c r="D24" s="67"/>
      <c r="E24" s="86"/>
      <c r="F24" s="57"/>
      <c r="G24" s="67"/>
      <c r="H24" s="89"/>
      <c r="I24" s="57"/>
      <c r="J24" s="78"/>
      <c r="K24" s="72"/>
      <c r="L24" s="72"/>
      <c r="M24" s="74"/>
      <c r="N24" s="74"/>
      <c r="O24" s="74"/>
      <c r="P24" s="74"/>
      <c r="Q24" s="74"/>
      <c r="R24" s="59"/>
    </row>
    <row r="25" spans="1:18" s="26" customFormat="1">
      <c r="A25" s="30"/>
      <c r="B25" s="31"/>
      <c r="C25" s="70"/>
      <c r="D25" s="67"/>
      <c r="E25" s="86"/>
      <c r="F25" s="57"/>
      <c r="G25" s="67"/>
      <c r="H25" s="89"/>
      <c r="I25" s="57"/>
      <c r="J25" s="78"/>
      <c r="K25" s="72"/>
      <c r="L25" s="72"/>
      <c r="M25" s="74"/>
      <c r="N25" s="74"/>
      <c r="O25" s="74"/>
      <c r="P25" s="74"/>
      <c r="Q25" s="74"/>
      <c r="R25" s="59"/>
    </row>
    <row r="26" spans="1:18" s="26" customFormat="1" ht="62.25" customHeight="1">
      <c r="A26" s="33"/>
      <c r="B26" s="34"/>
      <c r="C26" s="71"/>
      <c r="D26" s="68"/>
      <c r="E26" s="87"/>
      <c r="F26" s="58"/>
      <c r="G26" s="68"/>
      <c r="H26" s="90"/>
      <c r="I26" s="58"/>
      <c r="J26" s="79"/>
      <c r="K26" s="73"/>
      <c r="L26" s="73"/>
      <c r="M26" s="75"/>
      <c r="N26" s="75"/>
      <c r="O26" s="75"/>
      <c r="P26" s="75"/>
      <c r="Q26" s="75"/>
      <c r="R26" s="60"/>
    </row>
    <row r="27" spans="1:18" s="26" customFormat="1" ht="15" customHeight="1" thickBot="1">
      <c r="A27" s="35"/>
      <c r="B27" s="36"/>
      <c r="C27" s="37" t="s">
        <v>22</v>
      </c>
      <c r="D27" s="38" t="s">
        <v>23</v>
      </c>
      <c r="E27" s="39" t="s">
        <v>24</v>
      </c>
      <c r="F27" s="40" t="s">
        <v>25</v>
      </c>
      <c r="G27" s="37" t="s">
        <v>26</v>
      </c>
      <c r="H27" s="38" t="s">
        <v>27</v>
      </c>
      <c r="I27" s="40" t="s">
        <v>28</v>
      </c>
      <c r="J27" s="38" t="s">
        <v>29</v>
      </c>
      <c r="K27" s="41" t="s">
        <v>163</v>
      </c>
      <c r="L27" s="41" t="s">
        <v>30</v>
      </c>
      <c r="M27" s="42" t="s">
        <v>31</v>
      </c>
      <c r="N27" s="42" t="s">
        <v>32</v>
      </c>
      <c r="O27" s="42" t="s">
        <v>33</v>
      </c>
      <c r="P27" s="40" t="s">
        <v>34</v>
      </c>
      <c r="Q27" s="43" t="s">
        <v>35</v>
      </c>
      <c r="R27" s="38" t="s">
        <v>36</v>
      </c>
    </row>
    <row r="28" spans="1:18" s="26" customFormat="1" ht="18.75" customHeight="1" thickTop="1">
      <c r="A28" s="61" t="s">
        <v>2</v>
      </c>
      <c r="B28" s="62"/>
      <c r="C28" s="67"/>
      <c r="D28" s="44" t="s">
        <v>20</v>
      </c>
      <c r="E28" s="70"/>
      <c r="F28" s="70"/>
      <c r="G28" s="70">
        <f>D29-E28-E29-F28-F29</f>
        <v>0</v>
      </c>
      <c r="H28" s="70"/>
      <c r="I28" s="70"/>
      <c r="J28" s="93"/>
      <c r="K28" s="70"/>
      <c r="L28" s="70"/>
      <c r="M28" s="70"/>
      <c r="N28" s="70"/>
      <c r="O28" s="70"/>
      <c r="P28" s="70">
        <f>SUM(J28:O29)</f>
        <v>0</v>
      </c>
      <c r="Q28" s="70"/>
      <c r="R28" s="67">
        <f>C28+C29+G28+G29+H28+H29+I28+I29-P28-P29-Q28-Q29</f>
        <v>0</v>
      </c>
    </row>
    <row r="29" spans="1:18" s="26" customFormat="1" ht="27.75" customHeight="1">
      <c r="A29" s="63"/>
      <c r="B29" s="64"/>
      <c r="C29" s="68"/>
      <c r="D29" s="45"/>
      <c r="E29" s="71"/>
      <c r="F29" s="71"/>
      <c r="G29" s="71"/>
      <c r="H29" s="71"/>
      <c r="I29" s="71"/>
      <c r="J29" s="68"/>
      <c r="K29" s="71"/>
      <c r="L29" s="71"/>
      <c r="M29" s="71"/>
      <c r="N29" s="71"/>
      <c r="O29" s="71"/>
      <c r="P29" s="71"/>
      <c r="Q29" s="71"/>
      <c r="R29" s="68"/>
    </row>
    <row r="30" spans="1:18" s="26" customFormat="1" ht="18.75" customHeight="1">
      <c r="A30" s="65" t="s">
        <v>3</v>
      </c>
      <c r="B30" s="66"/>
      <c r="C30" s="69"/>
      <c r="D30" s="44" t="s">
        <v>20</v>
      </c>
      <c r="E30" s="76"/>
      <c r="F30" s="76"/>
      <c r="G30" s="70">
        <f>D31-E30-E31-F30-F31</f>
        <v>0</v>
      </c>
      <c r="H30" s="76"/>
      <c r="I30" s="76"/>
      <c r="J30" s="76"/>
      <c r="K30" s="76"/>
      <c r="L30" s="76"/>
      <c r="M30" s="76"/>
      <c r="N30" s="76"/>
      <c r="O30" s="76"/>
      <c r="P30" s="70">
        <f>SUM(J30:O31)</f>
        <v>0</v>
      </c>
      <c r="Q30" s="76"/>
      <c r="R30" s="67">
        <f>C30+C31+G30+G31+H30+H31+I30+I31-P30-P31-Q30-Q31</f>
        <v>0</v>
      </c>
    </row>
    <row r="31" spans="1:18" s="26" customFormat="1" ht="27.75" customHeight="1">
      <c r="A31" s="63"/>
      <c r="B31" s="64"/>
      <c r="C31" s="68"/>
      <c r="D31" s="45"/>
      <c r="E31" s="71"/>
      <c r="F31" s="71"/>
      <c r="G31" s="71"/>
      <c r="H31" s="71"/>
      <c r="I31" s="71"/>
      <c r="J31" s="71"/>
      <c r="K31" s="71"/>
      <c r="L31" s="71"/>
      <c r="M31" s="71"/>
      <c r="N31" s="71"/>
      <c r="O31" s="71"/>
      <c r="P31" s="71"/>
      <c r="Q31" s="71"/>
      <c r="R31" s="68"/>
    </row>
    <row r="32" spans="1:18" s="26" customFormat="1" ht="37.5" customHeight="1">
      <c r="A32" s="33" t="s">
        <v>4</v>
      </c>
      <c r="B32" s="34"/>
      <c r="C32" s="46"/>
      <c r="D32" s="47"/>
      <c r="E32" s="47"/>
      <c r="F32" s="47"/>
      <c r="G32" s="47"/>
      <c r="H32" s="46"/>
      <c r="I32" s="45"/>
      <c r="J32" s="46"/>
      <c r="K32" s="48"/>
      <c r="L32" s="46"/>
      <c r="M32" s="45"/>
      <c r="N32" s="46"/>
      <c r="O32" s="45"/>
      <c r="P32" s="46">
        <f>SUM(J32:O32)</f>
        <v>0</v>
      </c>
      <c r="Q32" s="45"/>
      <c r="R32" s="46">
        <f>C32+H32+I32-P32-Q32</f>
        <v>0</v>
      </c>
    </row>
    <row r="33" spans="2:16" s="26" customFormat="1">
      <c r="B33" s="92" t="s">
        <v>179</v>
      </c>
      <c r="C33" s="92"/>
      <c r="D33" s="92"/>
      <c r="E33" s="92"/>
      <c r="F33" s="92"/>
      <c r="G33" s="92"/>
      <c r="H33" s="92"/>
      <c r="I33" s="92"/>
      <c r="J33" s="92"/>
      <c r="K33" s="92"/>
      <c r="L33" s="92"/>
      <c r="M33" s="92"/>
      <c r="N33" s="92"/>
      <c r="O33" s="92"/>
      <c r="P33" s="92"/>
    </row>
    <row r="34" spans="2:16" s="26" customFormat="1"/>
    <row r="35" spans="2:16" s="26" customFormat="1"/>
    <row r="36" spans="2:16" s="26" customFormat="1"/>
  </sheetData>
  <mergeCells count="103">
    <mergeCell ref="O30:O31"/>
    <mergeCell ref="P30:P31"/>
    <mergeCell ref="Q30:Q31"/>
    <mergeCell ref="R30:R31"/>
    <mergeCell ref="O19:R19"/>
    <mergeCell ref="B33:P33"/>
    <mergeCell ref="I30:I31"/>
    <mergeCell ref="J30:J31"/>
    <mergeCell ref="K30:K31"/>
    <mergeCell ref="L30:L31"/>
    <mergeCell ref="M30:M31"/>
    <mergeCell ref="N30:N31"/>
    <mergeCell ref="O28:O29"/>
    <mergeCell ref="P28:P29"/>
    <mergeCell ref="Q28:Q29"/>
    <mergeCell ref="R28:R29"/>
    <mergeCell ref="A30:B31"/>
    <mergeCell ref="C30:C31"/>
    <mergeCell ref="E30:E31"/>
    <mergeCell ref="F30:F31"/>
    <mergeCell ref="G30:G31"/>
    <mergeCell ref="H30:H31"/>
    <mergeCell ref="I28:I29"/>
    <mergeCell ref="J28:J29"/>
    <mergeCell ref="K28:K29"/>
    <mergeCell ref="L28:L29"/>
    <mergeCell ref="M28:M29"/>
    <mergeCell ref="N28:N29"/>
    <mergeCell ref="A28:B29"/>
    <mergeCell ref="C28:C29"/>
    <mergeCell ref="E28:E29"/>
    <mergeCell ref="F28:F29"/>
    <mergeCell ref="G28:G29"/>
    <mergeCell ref="H28:H29"/>
    <mergeCell ref="R21:R26"/>
    <mergeCell ref="J22:J26"/>
    <mergeCell ref="K22:K26"/>
    <mergeCell ref="L22:L26"/>
    <mergeCell ref="M22:M26"/>
    <mergeCell ref="N22:N26"/>
    <mergeCell ref="O22:O26"/>
    <mergeCell ref="P22:P26"/>
    <mergeCell ref="Q22:Q26"/>
    <mergeCell ref="F14:F15"/>
    <mergeCell ref="G14:G15"/>
    <mergeCell ref="B17:L17"/>
    <mergeCell ref="C20:C26"/>
    <mergeCell ref="D20:Q20"/>
    <mergeCell ref="D21:D26"/>
    <mergeCell ref="E21:E26"/>
    <mergeCell ref="F21:F26"/>
    <mergeCell ref="G21:G26"/>
    <mergeCell ref="H21:H26"/>
    <mergeCell ref="I21:I26"/>
    <mergeCell ref="J21:P21"/>
    <mergeCell ref="M12:M13"/>
    <mergeCell ref="P6:P10"/>
    <mergeCell ref="P14:P15"/>
    <mergeCell ref="Q14:Q15"/>
    <mergeCell ref="R14:R15"/>
    <mergeCell ref="J5:P5"/>
    <mergeCell ref="D4:Q4"/>
    <mergeCell ref="D5:D10"/>
    <mergeCell ref="E5:E10"/>
    <mergeCell ref="F5:F10"/>
    <mergeCell ref="G5:G10"/>
    <mergeCell ref="H5:H10"/>
    <mergeCell ref="J14:J15"/>
    <mergeCell ref="K14:K15"/>
    <mergeCell ref="L14:L15"/>
    <mergeCell ref="M14:M15"/>
    <mergeCell ref="N14:N15"/>
    <mergeCell ref="O14:O15"/>
    <mergeCell ref="N12:N13"/>
    <mergeCell ref="O12:O13"/>
    <mergeCell ref="P12:P13"/>
    <mergeCell ref="Q12:Q13"/>
    <mergeCell ref="R12:R13"/>
    <mergeCell ref="E14:E15"/>
    <mergeCell ref="Q6:Q10"/>
    <mergeCell ref="R5:R10"/>
    <mergeCell ref="A12:B13"/>
    <mergeCell ref="A14:B15"/>
    <mergeCell ref="C12:C13"/>
    <mergeCell ref="C14:C15"/>
    <mergeCell ref="E12:E13"/>
    <mergeCell ref="F12:F13"/>
    <mergeCell ref="G12:G13"/>
    <mergeCell ref="L6:L10"/>
    <mergeCell ref="M6:M10"/>
    <mergeCell ref="C4:C10"/>
    <mergeCell ref="N6:N10"/>
    <mergeCell ref="O6:O10"/>
    <mergeCell ref="I5:I10"/>
    <mergeCell ref="J6:J10"/>
    <mergeCell ref="K6:K10"/>
    <mergeCell ref="H14:H15"/>
    <mergeCell ref="I14:I15"/>
    <mergeCell ref="H12:H13"/>
    <mergeCell ref="I12:I13"/>
    <mergeCell ref="J12:J13"/>
    <mergeCell ref="K12:K13"/>
    <mergeCell ref="L12:L13"/>
  </mergeCells>
  <phoneticPr fontId="1"/>
  <pageMargins left="0.70866141732283472" right="0.70866141732283472" top="0.74803149606299213" bottom="0.74803149606299213" header="0.31496062992125984" footer="0.31496062992125984"/>
  <pageSetup paperSize="9" scale="75" orientation="landscape" r:id="rId1"/>
  <headerFooter>
    <oddFooter>&amp;C－１－</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26"/>
  <sheetViews>
    <sheetView view="pageBreakPreview" zoomScaleNormal="100" zoomScaleSheetLayoutView="100" workbookViewId="0">
      <selection activeCell="G29" sqref="G29"/>
    </sheetView>
  </sheetViews>
  <sheetFormatPr defaultRowHeight="14.4"/>
  <cols>
    <col min="1" max="1" width="7.8984375" customWidth="1"/>
    <col min="2" max="3" width="8.69921875" customWidth="1"/>
    <col min="4" max="8" width="12.5" customWidth="1"/>
    <col min="9" max="13" width="13.09765625" customWidth="1"/>
  </cols>
  <sheetData>
    <row r="1" spans="1:14">
      <c r="A1" s="26"/>
      <c r="B1" s="26"/>
      <c r="C1" s="26"/>
      <c r="D1" s="26"/>
      <c r="E1" s="26"/>
      <c r="F1" s="26"/>
      <c r="G1" s="26"/>
      <c r="H1" s="26"/>
    </row>
    <row r="2" spans="1:14">
      <c r="A2" s="26"/>
      <c r="B2" s="26"/>
      <c r="C2" s="26"/>
      <c r="D2" s="26"/>
      <c r="E2" s="26"/>
      <c r="F2" s="26"/>
      <c r="G2" s="26"/>
      <c r="H2" s="26"/>
    </row>
    <row r="3" spans="1:14">
      <c r="A3" s="26"/>
      <c r="B3" s="26" t="s">
        <v>38</v>
      </c>
      <c r="C3" s="26"/>
      <c r="D3" s="26"/>
      <c r="E3" s="26"/>
      <c r="F3" s="26"/>
      <c r="G3" s="26"/>
      <c r="H3" s="26"/>
      <c r="L3" s="18"/>
      <c r="M3" s="18"/>
    </row>
    <row r="4" spans="1:14" ht="14.25" customHeight="1">
      <c r="A4" s="50"/>
      <c r="B4" s="28"/>
      <c r="C4" s="29"/>
      <c r="D4" s="80" t="s">
        <v>39</v>
      </c>
      <c r="E4" s="81"/>
      <c r="F4" s="81"/>
      <c r="G4" s="81"/>
      <c r="H4" s="81"/>
      <c r="I4" s="100" t="s">
        <v>40</v>
      </c>
      <c r="J4" s="101"/>
      <c r="K4" s="101"/>
      <c r="L4" s="101"/>
      <c r="M4" s="102"/>
    </row>
    <row r="5" spans="1:14">
      <c r="A5" s="51"/>
      <c r="B5" s="30"/>
      <c r="C5" s="31"/>
      <c r="D5" s="69" t="s">
        <v>41</v>
      </c>
      <c r="E5" s="84" t="s">
        <v>42</v>
      </c>
      <c r="F5" s="77" t="s">
        <v>43</v>
      </c>
      <c r="G5" s="69" t="s">
        <v>44</v>
      </c>
      <c r="H5" s="88" t="s">
        <v>17</v>
      </c>
      <c r="I5" s="104" t="s">
        <v>45</v>
      </c>
      <c r="J5" s="104" t="s">
        <v>46</v>
      </c>
      <c r="K5" s="104" t="s">
        <v>47</v>
      </c>
      <c r="L5" s="104" t="s">
        <v>48</v>
      </c>
      <c r="M5" s="104" t="s">
        <v>49</v>
      </c>
      <c r="N5" s="3"/>
    </row>
    <row r="6" spans="1:14" ht="14.25" customHeight="1">
      <c r="A6" s="51"/>
      <c r="B6" s="30"/>
      <c r="C6" s="31"/>
      <c r="D6" s="67"/>
      <c r="E6" s="86"/>
      <c r="F6" s="57"/>
      <c r="G6" s="67"/>
      <c r="H6" s="89"/>
      <c r="I6" s="96"/>
      <c r="J6" s="96"/>
      <c r="K6" s="96"/>
      <c r="L6" s="96"/>
      <c r="M6" s="106"/>
      <c r="N6" s="3"/>
    </row>
    <row r="7" spans="1:14">
      <c r="A7" s="51"/>
      <c r="B7" s="30"/>
      <c r="C7" s="31"/>
      <c r="D7" s="67"/>
      <c r="E7" s="86"/>
      <c r="F7" s="57"/>
      <c r="G7" s="67"/>
      <c r="H7" s="89"/>
      <c r="I7" s="96"/>
      <c r="J7" s="96"/>
      <c r="K7" s="96"/>
      <c r="L7" s="96"/>
      <c r="M7" s="106"/>
      <c r="N7" s="3"/>
    </row>
    <row r="8" spans="1:14">
      <c r="A8" s="51"/>
      <c r="B8" s="30"/>
      <c r="C8" s="31"/>
      <c r="D8" s="67"/>
      <c r="E8" s="86"/>
      <c r="F8" s="57"/>
      <c r="G8" s="67"/>
      <c r="H8" s="89"/>
      <c r="I8" s="96"/>
      <c r="J8" s="96"/>
      <c r="K8" s="96"/>
      <c r="L8" s="96"/>
      <c r="M8" s="106"/>
      <c r="N8" s="3"/>
    </row>
    <row r="9" spans="1:14">
      <c r="A9" s="51"/>
      <c r="B9" s="30"/>
      <c r="C9" s="31"/>
      <c r="D9" s="67"/>
      <c r="E9" s="86"/>
      <c r="F9" s="57"/>
      <c r="G9" s="67"/>
      <c r="H9" s="89"/>
      <c r="I9" s="96"/>
      <c r="J9" s="96"/>
      <c r="K9" s="96"/>
      <c r="L9" s="96"/>
      <c r="M9" s="106"/>
      <c r="N9" s="3"/>
    </row>
    <row r="10" spans="1:14" ht="16.5" customHeight="1" thickBot="1">
      <c r="A10" s="52"/>
      <c r="B10" s="35"/>
      <c r="C10" s="36"/>
      <c r="D10" s="108"/>
      <c r="E10" s="109"/>
      <c r="F10" s="110"/>
      <c r="G10" s="108"/>
      <c r="H10" s="111"/>
      <c r="I10" s="105"/>
      <c r="J10" s="105"/>
      <c r="K10" s="105"/>
      <c r="L10" s="105"/>
      <c r="M10" s="107"/>
      <c r="N10" s="3"/>
    </row>
    <row r="11" spans="1:14" ht="16.5" customHeight="1" thickTop="1">
      <c r="A11" s="51"/>
      <c r="B11" s="30"/>
      <c r="C11" s="31"/>
      <c r="D11" s="53" t="s">
        <v>55</v>
      </c>
      <c r="E11" s="53" t="s">
        <v>55</v>
      </c>
      <c r="F11" s="53" t="s">
        <v>55</v>
      </c>
      <c r="G11" s="53" t="s">
        <v>55</v>
      </c>
      <c r="H11" s="53" t="s">
        <v>55</v>
      </c>
      <c r="I11" s="20" t="s">
        <v>55</v>
      </c>
      <c r="J11" s="20" t="s">
        <v>55</v>
      </c>
      <c r="K11" s="20" t="s">
        <v>55</v>
      </c>
      <c r="L11" s="20" t="s">
        <v>55</v>
      </c>
      <c r="M11" s="20" t="s">
        <v>55</v>
      </c>
      <c r="N11" s="19"/>
    </row>
    <row r="12" spans="1:14" ht="30" customHeight="1">
      <c r="A12" s="57" t="s">
        <v>173</v>
      </c>
      <c r="B12" s="103" t="s">
        <v>2</v>
      </c>
      <c r="C12" s="74"/>
      <c r="D12" s="67"/>
      <c r="E12" s="70"/>
      <c r="F12" s="70"/>
      <c r="G12" s="70"/>
      <c r="H12" s="70"/>
      <c r="I12" s="99"/>
      <c r="J12" s="99"/>
      <c r="K12" s="99"/>
      <c r="L12" s="99" t="s">
        <v>50</v>
      </c>
      <c r="M12" s="96"/>
    </row>
    <row r="13" spans="1:14" ht="30" customHeight="1">
      <c r="A13" s="57"/>
      <c r="B13" s="98"/>
      <c r="C13" s="75"/>
      <c r="D13" s="68"/>
      <c r="E13" s="71"/>
      <c r="F13" s="71"/>
      <c r="G13" s="71"/>
      <c r="H13" s="71"/>
      <c r="I13" s="95"/>
      <c r="J13" s="95"/>
      <c r="K13" s="95"/>
      <c r="L13" s="95"/>
      <c r="M13" s="97"/>
    </row>
    <row r="14" spans="1:14" ht="30" customHeight="1">
      <c r="A14" s="57"/>
      <c r="B14" s="83" t="s">
        <v>3</v>
      </c>
      <c r="C14" s="85"/>
      <c r="D14" s="69"/>
      <c r="E14" s="76"/>
      <c r="F14" s="76"/>
      <c r="G14" s="70"/>
      <c r="H14" s="76"/>
      <c r="I14" s="94"/>
      <c r="J14" s="94" t="s">
        <v>50</v>
      </c>
      <c r="K14" s="99"/>
      <c r="L14" s="94"/>
      <c r="M14" s="96"/>
    </row>
    <row r="15" spans="1:14" ht="30" customHeight="1">
      <c r="A15" s="58"/>
      <c r="B15" s="98"/>
      <c r="C15" s="75"/>
      <c r="D15" s="68"/>
      <c r="E15" s="71"/>
      <c r="F15" s="71"/>
      <c r="G15" s="71"/>
      <c r="H15" s="71"/>
      <c r="I15" s="95"/>
      <c r="J15" s="95"/>
      <c r="K15" s="95"/>
      <c r="L15" s="95"/>
      <c r="M15" s="97"/>
    </row>
    <row r="16" spans="1:14" ht="30" customHeight="1">
      <c r="A16" s="57" t="s">
        <v>174</v>
      </c>
      <c r="B16" s="103" t="s">
        <v>2</v>
      </c>
      <c r="C16" s="74"/>
      <c r="D16" s="67"/>
      <c r="E16" s="70"/>
      <c r="F16" s="70"/>
      <c r="G16" s="70"/>
      <c r="H16" s="70"/>
      <c r="I16" s="99"/>
      <c r="J16" s="99"/>
      <c r="K16" s="99"/>
      <c r="L16" s="99" t="s">
        <v>50</v>
      </c>
      <c r="M16" s="96"/>
    </row>
    <row r="17" spans="1:13" ht="30" customHeight="1">
      <c r="A17" s="57"/>
      <c r="B17" s="98"/>
      <c r="C17" s="75"/>
      <c r="D17" s="68"/>
      <c r="E17" s="71"/>
      <c r="F17" s="71"/>
      <c r="G17" s="71"/>
      <c r="H17" s="71"/>
      <c r="I17" s="95"/>
      <c r="J17" s="95"/>
      <c r="K17" s="95"/>
      <c r="L17" s="95"/>
      <c r="M17" s="97"/>
    </row>
    <row r="18" spans="1:13" ht="30" customHeight="1">
      <c r="A18" s="57"/>
      <c r="B18" s="83" t="s">
        <v>3</v>
      </c>
      <c r="C18" s="85"/>
      <c r="D18" s="69"/>
      <c r="E18" s="76"/>
      <c r="F18" s="76"/>
      <c r="G18" s="70"/>
      <c r="H18" s="76"/>
      <c r="I18" s="94"/>
      <c r="J18" s="94" t="s">
        <v>50</v>
      </c>
      <c r="K18" s="99"/>
      <c r="L18" s="94"/>
      <c r="M18" s="96"/>
    </row>
    <row r="19" spans="1:13" ht="30" customHeight="1">
      <c r="A19" s="58"/>
      <c r="B19" s="98"/>
      <c r="C19" s="75"/>
      <c r="D19" s="68"/>
      <c r="E19" s="71"/>
      <c r="F19" s="71"/>
      <c r="G19" s="71"/>
      <c r="H19" s="71"/>
      <c r="I19" s="95"/>
      <c r="J19" s="95"/>
      <c r="K19" s="95"/>
      <c r="L19" s="95"/>
      <c r="M19" s="97"/>
    </row>
    <row r="20" spans="1:13" ht="18.75" customHeight="1">
      <c r="A20" s="26"/>
      <c r="B20" s="26" t="s">
        <v>51</v>
      </c>
      <c r="C20" s="26"/>
      <c r="D20" s="26"/>
      <c r="E20" s="26"/>
      <c r="F20" s="26"/>
      <c r="G20" s="26"/>
      <c r="H20" s="26"/>
    </row>
    <row r="21" spans="1:13" ht="18.75" customHeight="1">
      <c r="A21" s="26"/>
      <c r="B21" s="26" t="s">
        <v>52</v>
      </c>
      <c r="C21" s="26"/>
      <c r="D21" s="26"/>
      <c r="E21" s="26"/>
      <c r="F21" s="26"/>
      <c r="G21" s="26"/>
      <c r="H21" s="26"/>
    </row>
    <row r="22" spans="1:13" ht="18.75" customHeight="1">
      <c r="A22" s="26"/>
      <c r="B22" s="26" t="s">
        <v>53</v>
      </c>
      <c r="C22" s="26"/>
      <c r="D22" s="26"/>
      <c r="E22" s="26"/>
      <c r="F22" s="26"/>
      <c r="G22" s="26"/>
      <c r="H22" s="26"/>
    </row>
    <row r="23" spans="1:13" ht="18.75" customHeight="1">
      <c r="A23" s="26" t="s">
        <v>164</v>
      </c>
      <c r="B23" s="26" t="s">
        <v>114</v>
      </c>
      <c r="C23" s="26"/>
      <c r="D23" s="26"/>
      <c r="E23" s="26"/>
      <c r="F23" s="26"/>
      <c r="G23" s="26"/>
      <c r="H23" s="26"/>
    </row>
    <row r="24" spans="1:13" ht="18.75" customHeight="1">
      <c r="A24" s="26"/>
      <c r="B24" s="26"/>
      <c r="C24" s="26" t="s">
        <v>165</v>
      </c>
      <c r="D24" s="26"/>
      <c r="E24" s="26"/>
      <c r="F24" s="26"/>
      <c r="G24" s="26"/>
      <c r="H24" s="26"/>
    </row>
    <row r="25" spans="1:13" ht="18.75" customHeight="1">
      <c r="A25" s="26"/>
      <c r="B25" s="26" t="s">
        <v>54</v>
      </c>
      <c r="C25" s="26"/>
      <c r="D25" s="26"/>
      <c r="E25" s="26"/>
      <c r="F25" s="26"/>
      <c r="G25" s="26"/>
      <c r="H25" s="26"/>
    </row>
    <row r="26" spans="1:13" ht="18.75" customHeight="1">
      <c r="A26" s="26"/>
      <c r="B26" s="26" t="s">
        <v>181</v>
      </c>
      <c r="C26" s="26"/>
      <c r="D26" s="26"/>
      <c r="E26" s="26"/>
      <c r="F26" s="26"/>
      <c r="G26" s="26"/>
      <c r="H26" s="26"/>
    </row>
  </sheetData>
  <mergeCells count="58">
    <mergeCell ref="D5:D10"/>
    <mergeCell ref="E5:E10"/>
    <mergeCell ref="F5:F10"/>
    <mergeCell ref="G5:G10"/>
    <mergeCell ref="H5:H10"/>
    <mergeCell ref="H14:H15"/>
    <mergeCell ref="I12:I13"/>
    <mergeCell ref="B12:C13"/>
    <mergeCell ref="D12:D13"/>
    <mergeCell ref="E12:E13"/>
    <mergeCell ref="F12:F13"/>
    <mergeCell ref="G12:G13"/>
    <mergeCell ref="H12:H13"/>
    <mergeCell ref="B14:C15"/>
    <mergeCell ref="D14:D15"/>
    <mergeCell ref="E14:E15"/>
    <mergeCell ref="F14:F15"/>
    <mergeCell ref="G14:G15"/>
    <mergeCell ref="K14:K15"/>
    <mergeCell ref="L14:L15"/>
    <mergeCell ref="M14:M15"/>
    <mergeCell ref="I14:I15"/>
    <mergeCell ref="J12:J13"/>
    <mergeCell ref="K12:K13"/>
    <mergeCell ref="L12:L13"/>
    <mergeCell ref="M12:M13"/>
    <mergeCell ref="K16:K17"/>
    <mergeCell ref="L16:L17"/>
    <mergeCell ref="D4:H4"/>
    <mergeCell ref="I4:M4"/>
    <mergeCell ref="A12:A15"/>
    <mergeCell ref="A16:A19"/>
    <mergeCell ref="B16:C17"/>
    <mergeCell ref="D16:D17"/>
    <mergeCell ref="E16:E17"/>
    <mergeCell ref="F16:F17"/>
    <mergeCell ref="J5:J10"/>
    <mergeCell ref="K5:K10"/>
    <mergeCell ref="L5:L10"/>
    <mergeCell ref="M5:M10"/>
    <mergeCell ref="I5:I10"/>
    <mergeCell ref="J14:J15"/>
    <mergeCell ref="L18:L19"/>
    <mergeCell ref="M18:M19"/>
    <mergeCell ref="M16:M17"/>
    <mergeCell ref="B18:C19"/>
    <mergeCell ref="D18:D19"/>
    <mergeCell ref="E18:E19"/>
    <mergeCell ref="F18:F19"/>
    <mergeCell ref="G18:G19"/>
    <mergeCell ref="H18:H19"/>
    <mergeCell ref="I18:I19"/>
    <mergeCell ref="J18:J19"/>
    <mergeCell ref="K18:K19"/>
    <mergeCell ref="G16:G17"/>
    <mergeCell ref="H16:H17"/>
    <mergeCell ref="I16:I17"/>
    <mergeCell ref="J16:J17"/>
  </mergeCells>
  <phoneticPr fontId="1"/>
  <pageMargins left="0.70866141732283472" right="0.70866141732283472" top="0.74803149606299213" bottom="0.74803149606299213" header="0.31496062992125984" footer="0.31496062992125984"/>
  <pageSetup paperSize="9" scale="80" orientation="landscape" verticalDpi="0" r:id="rId1"/>
  <headerFooter>
    <oddFooter>&amp;C－２－</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43"/>
  <sheetViews>
    <sheetView view="pageBreakPreview" zoomScaleNormal="100" zoomScaleSheetLayoutView="100" workbookViewId="0">
      <selection activeCell="C17" sqref="C17:D18"/>
    </sheetView>
  </sheetViews>
  <sheetFormatPr defaultRowHeight="14.4"/>
  <cols>
    <col min="1" max="1" width="6.3984375" customWidth="1"/>
    <col min="3" max="3" width="10" customWidth="1"/>
    <col min="4" max="4" width="13.8984375" customWidth="1"/>
    <col min="5" max="14" width="13.69921875" customWidth="1"/>
  </cols>
  <sheetData>
    <row r="1" spans="1:11" ht="14.25" customHeight="1"/>
    <row r="2" spans="1:11">
      <c r="B2" t="s">
        <v>56</v>
      </c>
    </row>
    <row r="3" spans="1:11">
      <c r="B3" t="s">
        <v>57</v>
      </c>
    </row>
    <row r="4" spans="1:11">
      <c r="A4" s="15"/>
      <c r="B4" s="9"/>
      <c r="C4" s="114" t="s">
        <v>58</v>
      </c>
      <c r="D4" s="116"/>
      <c r="E4" s="104" t="s">
        <v>59</v>
      </c>
      <c r="F4" s="115" t="s">
        <v>60</v>
      </c>
      <c r="G4" s="139" t="s">
        <v>61</v>
      </c>
      <c r="H4" s="104" t="s">
        <v>62</v>
      </c>
      <c r="I4" s="141" t="s">
        <v>63</v>
      </c>
      <c r="J4" s="104" t="s">
        <v>18</v>
      </c>
      <c r="K4" s="19"/>
    </row>
    <row r="5" spans="1:11">
      <c r="A5" s="16"/>
      <c r="B5" s="8"/>
      <c r="C5" s="117"/>
      <c r="D5" s="119"/>
      <c r="E5" s="96"/>
      <c r="F5" s="118"/>
      <c r="G5" s="106"/>
      <c r="H5" s="96"/>
      <c r="I5" s="142"/>
      <c r="J5" s="96"/>
      <c r="K5" s="19"/>
    </row>
    <row r="6" spans="1:11">
      <c r="A6" s="16"/>
      <c r="B6" s="8"/>
      <c r="C6" s="117"/>
      <c r="D6" s="119"/>
      <c r="E6" s="96"/>
      <c r="F6" s="118"/>
      <c r="G6" s="106"/>
      <c r="H6" s="96"/>
      <c r="I6" s="142"/>
      <c r="J6" s="96"/>
      <c r="K6" s="19"/>
    </row>
    <row r="7" spans="1:11" ht="16.5" customHeight="1" thickBot="1">
      <c r="A7" s="17"/>
      <c r="B7" s="22"/>
      <c r="C7" s="120"/>
      <c r="D7" s="122"/>
      <c r="E7" s="105"/>
      <c r="F7" s="121"/>
      <c r="G7" s="107"/>
      <c r="H7" s="105"/>
      <c r="I7" s="143"/>
      <c r="J7" s="105"/>
      <c r="K7" s="19"/>
    </row>
    <row r="8" spans="1:11" ht="16.5" customHeight="1" thickTop="1">
      <c r="A8" s="16"/>
      <c r="B8" s="8"/>
      <c r="C8" s="3"/>
      <c r="D8" s="4"/>
      <c r="E8" s="20" t="s">
        <v>55</v>
      </c>
      <c r="F8" s="20" t="s">
        <v>55</v>
      </c>
      <c r="G8" s="20" t="s">
        <v>55</v>
      </c>
      <c r="H8" s="20" t="s">
        <v>55</v>
      </c>
      <c r="I8" s="20" t="s">
        <v>55</v>
      </c>
      <c r="J8" s="20" t="s">
        <v>55</v>
      </c>
      <c r="K8" s="19"/>
    </row>
    <row r="9" spans="1:11" ht="13.5" customHeight="1">
      <c r="A9" s="137" t="s">
        <v>67</v>
      </c>
      <c r="B9" s="106" t="s">
        <v>64</v>
      </c>
      <c r="C9" s="117" t="s">
        <v>2</v>
      </c>
      <c r="D9" s="119"/>
      <c r="E9" s="96"/>
      <c r="F9" s="99"/>
      <c r="G9" s="99"/>
      <c r="H9" s="99"/>
      <c r="I9" s="99"/>
      <c r="J9" s="96">
        <f>SUM(E9:I10)</f>
        <v>0</v>
      </c>
    </row>
    <row r="10" spans="1:11" ht="13.5" customHeight="1">
      <c r="A10" s="137"/>
      <c r="B10" s="106"/>
      <c r="C10" s="134"/>
      <c r="D10" s="135"/>
      <c r="E10" s="97"/>
      <c r="F10" s="95"/>
      <c r="G10" s="95"/>
      <c r="H10" s="95"/>
      <c r="I10" s="95"/>
      <c r="J10" s="97"/>
    </row>
    <row r="11" spans="1:11" ht="13.5" customHeight="1">
      <c r="A11" s="137"/>
      <c r="B11" s="106"/>
      <c r="C11" s="114" t="s">
        <v>162</v>
      </c>
      <c r="D11" s="116"/>
      <c r="E11" s="104"/>
      <c r="F11" s="94"/>
      <c r="G11" s="94"/>
      <c r="H11" s="99"/>
      <c r="I11" s="94"/>
      <c r="J11" s="104">
        <f>SUM(E11:I12)</f>
        <v>0</v>
      </c>
    </row>
    <row r="12" spans="1:11" ht="13.5" customHeight="1">
      <c r="A12" s="137"/>
      <c r="B12" s="140"/>
      <c r="C12" s="134"/>
      <c r="D12" s="135"/>
      <c r="E12" s="97"/>
      <c r="F12" s="95"/>
      <c r="G12" s="95"/>
      <c r="H12" s="95"/>
      <c r="I12" s="95"/>
      <c r="J12" s="97"/>
    </row>
    <row r="13" spans="1:11" ht="13.5" customHeight="1">
      <c r="A13" s="137"/>
      <c r="B13" s="139" t="s">
        <v>65</v>
      </c>
      <c r="C13" s="117" t="s">
        <v>2</v>
      </c>
      <c r="D13" s="119"/>
      <c r="E13" s="96"/>
      <c r="F13" s="99"/>
      <c r="G13" s="99"/>
      <c r="H13" s="99"/>
      <c r="I13" s="99"/>
      <c r="J13" s="96">
        <f>SUM(E13:I14)</f>
        <v>0</v>
      </c>
    </row>
    <row r="14" spans="1:11" ht="13.5" customHeight="1">
      <c r="A14" s="137"/>
      <c r="B14" s="106"/>
      <c r="C14" s="134"/>
      <c r="D14" s="135"/>
      <c r="E14" s="97"/>
      <c r="F14" s="95"/>
      <c r="G14" s="95"/>
      <c r="H14" s="95"/>
      <c r="I14" s="95"/>
      <c r="J14" s="97"/>
    </row>
    <row r="15" spans="1:11" ht="13.5" customHeight="1">
      <c r="A15" s="137"/>
      <c r="B15" s="106"/>
      <c r="C15" s="114" t="s">
        <v>162</v>
      </c>
      <c r="D15" s="116"/>
      <c r="E15" s="104"/>
      <c r="F15" s="94"/>
      <c r="G15" s="94"/>
      <c r="H15" s="99"/>
      <c r="I15" s="94"/>
      <c r="J15" s="104">
        <f>SUM(E15:I16)</f>
        <v>0</v>
      </c>
    </row>
    <row r="16" spans="1:11" ht="13.5" customHeight="1">
      <c r="A16" s="137"/>
      <c r="B16" s="140"/>
      <c r="C16" s="134"/>
      <c r="D16" s="135"/>
      <c r="E16" s="97"/>
      <c r="F16" s="95"/>
      <c r="G16" s="95"/>
      <c r="H16" s="95"/>
      <c r="I16" s="95"/>
      <c r="J16" s="97"/>
    </row>
    <row r="17" spans="1:14" ht="13.5" customHeight="1">
      <c r="A17" s="137"/>
      <c r="B17" s="106" t="s">
        <v>66</v>
      </c>
      <c r="C17" s="117" t="s">
        <v>2</v>
      </c>
      <c r="D17" s="119"/>
      <c r="E17" s="96"/>
      <c r="F17" s="99"/>
      <c r="G17" s="99"/>
      <c r="H17" s="99"/>
      <c r="I17" s="99"/>
      <c r="J17" s="96">
        <f>SUM(E17:I18)</f>
        <v>0</v>
      </c>
    </row>
    <row r="18" spans="1:14" ht="13.5" customHeight="1">
      <c r="A18" s="137"/>
      <c r="B18" s="106"/>
      <c r="C18" s="134"/>
      <c r="D18" s="135"/>
      <c r="E18" s="97"/>
      <c r="F18" s="95"/>
      <c r="G18" s="95"/>
      <c r="H18" s="95"/>
      <c r="I18" s="95"/>
      <c r="J18" s="97"/>
    </row>
    <row r="19" spans="1:14" ht="13.5" customHeight="1">
      <c r="A19" s="137"/>
      <c r="B19" s="106"/>
      <c r="C19" s="114" t="s">
        <v>162</v>
      </c>
      <c r="D19" s="116"/>
      <c r="E19" s="104"/>
      <c r="F19" s="94"/>
      <c r="G19" s="94"/>
      <c r="H19" s="99"/>
      <c r="I19" s="94"/>
      <c r="J19" s="104">
        <f>SUM(E19:I20)</f>
        <v>0</v>
      </c>
    </row>
    <row r="20" spans="1:14" ht="13.5" customHeight="1">
      <c r="A20" s="137"/>
      <c r="B20" s="140"/>
      <c r="C20" s="134"/>
      <c r="D20" s="135"/>
      <c r="E20" s="97"/>
      <c r="F20" s="95"/>
      <c r="G20" s="95"/>
      <c r="H20" s="95"/>
      <c r="I20" s="95"/>
      <c r="J20" s="97"/>
    </row>
    <row r="21" spans="1:14" ht="13.5" customHeight="1">
      <c r="A21" s="137"/>
      <c r="B21" s="139" t="s">
        <v>18</v>
      </c>
      <c r="C21" s="117" t="s">
        <v>2</v>
      </c>
      <c r="D21" s="119"/>
      <c r="E21" s="96">
        <f>SUM(E9+E13+E17)</f>
        <v>0</v>
      </c>
      <c r="F21" s="99">
        <f>SUM(F9+F13+F17)</f>
        <v>0</v>
      </c>
      <c r="G21" s="99">
        <f>SUM(G9+G13+G17)</f>
        <v>0</v>
      </c>
      <c r="H21" s="99">
        <f>SUM(H9+H13+H17)</f>
        <v>0</v>
      </c>
      <c r="I21" s="99">
        <f>SUM(I9+I13+I17)</f>
        <v>0</v>
      </c>
      <c r="J21" s="96">
        <f>SUM(E21:I22)</f>
        <v>0</v>
      </c>
    </row>
    <row r="22" spans="1:14" ht="13.5" customHeight="1">
      <c r="A22" s="137"/>
      <c r="B22" s="106"/>
      <c r="C22" s="134"/>
      <c r="D22" s="135"/>
      <c r="E22" s="97"/>
      <c r="F22" s="95"/>
      <c r="G22" s="95"/>
      <c r="H22" s="95"/>
      <c r="I22" s="95"/>
      <c r="J22" s="97"/>
    </row>
    <row r="23" spans="1:14" ht="13.5" customHeight="1">
      <c r="A23" s="137"/>
      <c r="B23" s="106"/>
      <c r="C23" s="114" t="s">
        <v>162</v>
      </c>
      <c r="D23" s="116"/>
      <c r="E23" s="104">
        <f>SUM(E11+E15+E19)</f>
        <v>0</v>
      </c>
      <c r="F23" s="94">
        <f>SUM(F11+F15+F19)</f>
        <v>0</v>
      </c>
      <c r="G23" s="94">
        <f>SUM(G11+G15+G19)</f>
        <v>0</v>
      </c>
      <c r="H23" s="99">
        <f>SUM(H11+H15+H19)</f>
        <v>0</v>
      </c>
      <c r="I23" s="94">
        <f>SUM(I11+I15+I19)</f>
        <v>0</v>
      </c>
      <c r="J23" s="104">
        <f>SUM(E23:I24)</f>
        <v>0</v>
      </c>
    </row>
    <row r="24" spans="1:14" ht="13.5" customHeight="1">
      <c r="A24" s="138"/>
      <c r="B24" s="140"/>
      <c r="C24" s="134"/>
      <c r="D24" s="135"/>
      <c r="E24" s="97"/>
      <c r="F24" s="95"/>
      <c r="G24" s="95"/>
      <c r="H24" s="95"/>
      <c r="I24" s="95"/>
      <c r="J24" s="97"/>
    </row>
    <row r="25" spans="1:14">
      <c r="B25" t="s">
        <v>68</v>
      </c>
    </row>
    <row r="27" spans="1:14">
      <c r="A27" s="1"/>
      <c r="B27" s="19" t="s">
        <v>69</v>
      </c>
      <c r="C27" s="19"/>
      <c r="D27" s="19"/>
      <c r="E27" s="19"/>
      <c r="F27" s="19"/>
      <c r="G27" s="19"/>
      <c r="H27" s="19"/>
      <c r="I27" s="19"/>
      <c r="J27" s="19"/>
      <c r="K27" s="19"/>
      <c r="L27" s="1"/>
      <c r="M27" s="21"/>
      <c r="N27" s="21"/>
    </row>
    <row r="28" spans="1:14">
      <c r="A28" s="114"/>
      <c r="B28" s="115"/>
      <c r="C28" s="116"/>
      <c r="D28" s="94" t="s">
        <v>70</v>
      </c>
      <c r="E28" s="129"/>
      <c r="F28" s="114" t="s">
        <v>72</v>
      </c>
      <c r="G28" s="115"/>
      <c r="H28" s="115"/>
      <c r="I28" s="116"/>
      <c r="J28" s="94" t="s">
        <v>75</v>
      </c>
      <c r="K28" s="129"/>
      <c r="L28" s="104" t="s">
        <v>18</v>
      </c>
      <c r="M28" s="19"/>
    </row>
    <row r="29" spans="1:14">
      <c r="A29" s="117"/>
      <c r="B29" s="118"/>
      <c r="C29" s="119"/>
      <c r="D29" s="95"/>
      <c r="E29" s="124"/>
      <c r="F29" s="134"/>
      <c r="G29" s="136"/>
      <c r="H29" s="136"/>
      <c r="I29" s="135"/>
      <c r="J29" s="95"/>
      <c r="K29" s="124"/>
      <c r="L29" s="96"/>
      <c r="M29" s="19"/>
    </row>
    <row r="30" spans="1:14" ht="13.5" customHeight="1">
      <c r="A30" s="117"/>
      <c r="B30" s="118"/>
      <c r="C30" s="119"/>
      <c r="D30" s="99" t="s">
        <v>71</v>
      </c>
      <c r="E30" s="123"/>
      <c r="F30" s="125" t="s">
        <v>73</v>
      </c>
      <c r="G30" s="126"/>
      <c r="H30" s="125" t="s">
        <v>74</v>
      </c>
      <c r="I30" s="126"/>
      <c r="J30" s="130" t="s">
        <v>76</v>
      </c>
      <c r="K30" s="130" t="s">
        <v>77</v>
      </c>
      <c r="L30" s="96"/>
      <c r="M30" s="19"/>
    </row>
    <row r="31" spans="1:14" ht="13.5" customHeight="1">
      <c r="A31" s="117"/>
      <c r="B31" s="118"/>
      <c r="C31" s="119"/>
      <c r="D31" s="99"/>
      <c r="E31" s="123"/>
      <c r="F31" s="125"/>
      <c r="G31" s="126"/>
      <c r="H31" s="125"/>
      <c r="I31" s="126"/>
      <c r="J31" s="130"/>
      <c r="K31" s="130"/>
      <c r="L31" s="96"/>
      <c r="M31" s="19"/>
    </row>
    <row r="32" spans="1:14" ht="13.5" customHeight="1">
      <c r="A32" s="117"/>
      <c r="B32" s="118"/>
      <c r="C32" s="119"/>
      <c r="D32" s="99"/>
      <c r="E32" s="123"/>
      <c r="F32" s="125"/>
      <c r="G32" s="126"/>
      <c r="H32" s="125"/>
      <c r="I32" s="126"/>
      <c r="J32" s="130"/>
      <c r="K32" s="130"/>
      <c r="L32" s="96"/>
      <c r="M32" s="19"/>
    </row>
    <row r="33" spans="1:13" ht="13.5" customHeight="1" thickBot="1">
      <c r="A33" s="120"/>
      <c r="B33" s="121"/>
      <c r="C33" s="122"/>
      <c r="D33" s="132"/>
      <c r="E33" s="133"/>
      <c r="F33" s="127"/>
      <c r="G33" s="128"/>
      <c r="H33" s="127"/>
      <c r="I33" s="128"/>
      <c r="J33" s="131"/>
      <c r="K33" s="131"/>
      <c r="L33" s="105"/>
      <c r="M33" s="19"/>
    </row>
    <row r="34" spans="1:13" ht="16.5" customHeight="1" thickTop="1">
      <c r="A34" s="16"/>
      <c r="B34" s="8"/>
      <c r="C34" s="19"/>
      <c r="D34" s="112" t="s">
        <v>55</v>
      </c>
      <c r="E34" s="113"/>
      <c r="F34" s="112" t="s">
        <v>55</v>
      </c>
      <c r="G34" s="113"/>
      <c r="H34" s="112" t="s">
        <v>55</v>
      </c>
      <c r="I34" s="113"/>
      <c r="J34" s="112" t="s">
        <v>55</v>
      </c>
      <c r="K34" s="113"/>
      <c r="L34" s="20" t="s">
        <v>55</v>
      </c>
      <c r="M34" s="19"/>
    </row>
    <row r="35" spans="1:13" ht="18" customHeight="1">
      <c r="A35" s="137" t="s">
        <v>67</v>
      </c>
      <c r="B35" s="117" t="s">
        <v>64</v>
      </c>
      <c r="C35" s="119"/>
      <c r="D35" s="99"/>
      <c r="E35" s="123"/>
      <c r="F35" s="99"/>
      <c r="G35" s="123"/>
      <c r="H35" s="99"/>
      <c r="I35" s="123"/>
      <c r="J35" s="99"/>
      <c r="K35" s="123"/>
      <c r="L35" s="96">
        <f>SUM(D35:K36)</f>
        <v>0</v>
      </c>
    </row>
    <row r="36" spans="1:13" ht="18" customHeight="1">
      <c r="A36" s="137"/>
      <c r="B36" s="134"/>
      <c r="C36" s="135"/>
      <c r="D36" s="95"/>
      <c r="E36" s="124"/>
      <c r="F36" s="95"/>
      <c r="G36" s="124"/>
      <c r="H36" s="95"/>
      <c r="I36" s="124"/>
      <c r="J36" s="95"/>
      <c r="K36" s="124"/>
      <c r="L36" s="97"/>
    </row>
    <row r="37" spans="1:13" ht="18" customHeight="1">
      <c r="A37" s="137"/>
      <c r="B37" s="117" t="s">
        <v>65</v>
      </c>
      <c r="C37" s="118"/>
      <c r="D37" s="99"/>
      <c r="E37" s="123"/>
      <c r="F37" s="99"/>
      <c r="G37" s="123"/>
      <c r="H37" s="99"/>
      <c r="I37" s="123"/>
      <c r="J37" s="99"/>
      <c r="K37" s="123"/>
      <c r="L37" s="96">
        <f>SUM(D37:K38)</f>
        <v>0</v>
      </c>
    </row>
    <row r="38" spans="1:13" ht="18" customHeight="1">
      <c r="A38" s="137"/>
      <c r="B38" s="134"/>
      <c r="C38" s="136"/>
      <c r="D38" s="95"/>
      <c r="E38" s="124"/>
      <c r="F38" s="95"/>
      <c r="G38" s="124"/>
      <c r="H38" s="95"/>
      <c r="I38" s="124"/>
      <c r="J38" s="95"/>
      <c r="K38" s="124"/>
      <c r="L38" s="97"/>
    </row>
    <row r="39" spans="1:13" ht="18" customHeight="1">
      <c r="A39" s="137"/>
      <c r="B39" s="114" t="s">
        <v>66</v>
      </c>
      <c r="C39" s="115"/>
      <c r="D39" s="99"/>
      <c r="E39" s="123"/>
      <c r="F39" s="99"/>
      <c r="G39" s="123"/>
      <c r="H39" s="99"/>
      <c r="I39" s="123"/>
      <c r="J39" s="99"/>
      <c r="K39" s="123"/>
      <c r="L39" s="96">
        <f>SUM(D39:K40)</f>
        <v>0</v>
      </c>
    </row>
    <row r="40" spans="1:13" ht="18" customHeight="1">
      <c r="A40" s="137"/>
      <c r="B40" s="117"/>
      <c r="C40" s="118"/>
      <c r="D40" s="95"/>
      <c r="E40" s="124"/>
      <c r="F40" s="95"/>
      <c r="G40" s="124"/>
      <c r="H40" s="95"/>
      <c r="I40" s="124"/>
      <c r="J40" s="95"/>
      <c r="K40" s="124"/>
      <c r="L40" s="97"/>
    </row>
    <row r="41" spans="1:13" ht="18" customHeight="1">
      <c r="A41" s="137"/>
      <c r="B41" s="114" t="s">
        <v>18</v>
      </c>
      <c r="C41" s="116"/>
      <c r="D41" s="99">
        <f>SUM(D35:E40)</f>
        <v>0</v>
      </c>
      <c r="E41" s="123"/>
      <c r="F41" s="99">
        <f>SUM(F35:G40)</f>
        <v>0</v>
      </c>
      <c r="G41" s="123"/>
      <c r="H41" s="99">
        <f>SUM(H35:I40)</f>
        <v>0</v>
      </c>
      <c r="I41" s="123"/>
      <c r="J41" s="99">
        <f>SUM(J35:K40)</f>
        <v>0</v>
      </c>
      <c r="K41" s="123"/>
      <c r="L41" s="96">
        <f>SUM(D41:K42)</f>
        <v>0</v>
      </c>
    </row>
    <row r="42" spans="1:13" ht="18" customHeight="1">
      <c r="A42" s="138"/>
      <c r="B42" s="134"/>
      <c r="C42" s="135"/>
      <c r="D42" s="95"/>
      <c r="E42" s="124"/>
      <c r="F42" s="95"/>
      <c r="G42" s="124"/>
      <c r="H42" s="95"/>
      <c r="I42" s="124"/>
      <c r="J42" s="95"/>
      <c r="K42" s="124"/>
      <c r="L42" s="97"/>
    </row>
    <row r="43" spans="1:13">
      <c r="B43" t="s">
        <v>78</v>
      </c>
    </row>
  </sheetData>
  <mergeCells count="107">
    <mergeCell ref="C9:D10"/>
    <mergeCell ref="E9:E10"/>
    <mergeCell ref="F9:F10"/>
    <mergeCell ref="G9:G10"/>
    <mergeCell ref="H9:H10"/>
    <mergeCell ref="I9:I10"/>
    <mergeCell ref="J9:J10"/>
    <mergeCell ref="E4:E7"/>
    <mergeCell ref="F4:F7"/>
    <mergeCell ref="G4:G7"/>
    <mergeCell ref="H4:H7"/>
    <mergeCell ref="I4:I7"/>
    <mergeCell ref="J4:J7"/>
    <mergeCell ref="I13:I14"/>
    <mergeCell ref="J13:J14"/>
    <mergeCell ref="J11:J12"/>
    <mergeCell ref="C13:D14"/>
    <mergeCell ref="E13:E14"/>
    <mergeCell ref="F13:F14"/>
    <mergeCell ref="G13:G14"/>
    <mergeCell ref="C11:D12"/>
    <mergeCell ref="E11:E12"/>
    <mergeCell ref="F11:F12"/>
    <mergeCell ref="G11:G12"/>
    <mergeCell ref="H11:H12"/>
    <mergeCell ref="I11:I12"/>
    <mergeCell ref="F19:F20"/>
    <mergeCell ref="G19:G20"/>
    <mergeCell ref="H19:H20"/>
    <mergeCell ref="I19:I20"/>
    <mergeCell ref="L41:L42"/>
    <mergeCell ref="C4:D7"/>
    <mergeCell ref="B9:B12"/>
    <mergeCell ref="B13:B16"/>
    <mergeCell ref="B17:B20"/>
    <mergeCell ref="C17:D18"/>
    <mergeCell ref="E17:E18"/>
    <mergeCell ref="F17:F18"/>
    <mergeCell ref="L39:L40"/>
    <mergeCell ref="L37:L38"/>
    <mergeCell ref="L35:L36"/>
    <mergeCell ref="L28:L33"/>
    <mergeCell ref="C15:D16"/>
    <mergeCell ref="E15:E16"/>
    <mergeCell ref="F15:F16"/>
    <mergeCell ref="G15:G16"/>
    <mergeCell ref="H15:H16"/>
    <mergeCell ref="I15:I16"/>
    <mergeCell ref="J15:J16"/>
    <mergeCell ref="H13:H14"/>
    <mergeCell ref="J23:J24"/>
    <mergeCell ref="A9:A24"/>
    <mergeCell ref="A35:A42"/>
    <mergeCell ref="C23:D24"/>
    <mergeCell ref="E23:E24"/>
    <mergeCell ref="F23:F24"/>
    <mergeCell ref="G23:G24"/>
    <mergeCell ref="H23:H24"/>
    <mergeCell ref="I23:I24"/>
    <mergeCell ref="J19:J20"/>
    <mergeCell ref="B21:B24"/>
    <mergeCell ref="C21:D22"/>
    <mergeCell ref="E21:E22"/>
    <mergeCell ref="F21:F22"/>
    <mergeCell ref="G21:G22"/>
    <mergeCell ref="H21:H22"/>
    <mergeCell ref="I21:I22"/>
    <mergeCell ref="J21:J22"/>
    <mergeCell ref="G17:G18"/>
    <mergeCell ref="H17:H18"/>
    <mergeCell ref="I17:I18"/>
    <mergeCell ref="J17:J18"/>
    <mergeCell ref="C19:D20"/>
    <mergeCell ref="E19:E20"/>
    <mergeCell ref="F34:G34"/>
    <mergeCell ref="H34:I34"/>
    <mergeCell ref="B35:C36"/>
    <mergeCell ref="B37:C38"/>
    <mergeCell ref="B39:C40"/>
    <mergeCell ref="B41:C42"/>
    <mergeCell ref="D28:E29"/>
    <mergeCell ref="F28:I29"/>
    <mergeCell ref="F30:G33"/>
    <mergeCell ref="J34:K34"/>
    <mergeCell ref="A28:C33"/>
    <mergeCell ref="H37:I38"/>
    <mergeCell ref="H39:I40"/>
    <mergeCell ref="H41:I42"/>
    <mergeCell ref="J35:K36"/>
    <mergeCell ref="J37:K38"/>
    <mergeCell ref="J39:K40"/>
    <mergeCell ref="J41:K42"/>
    <mergeCell ref="D37:E38"/>
    <mergeCell ref="D39:E40"/>
    <mergeCell ref="D41:E42"/>
    <mergeCell ref="F35:G36"/>
    <mergeCell ref="F37:G38"/>
    <mergeCell ref="F39:G40"/>
    <mergeCell ref="F41:G42"/>
    <mergeCell ref="H30:I33"/>
    <mergeCell ref="J28:K29"/>
    <mergeCell ref="J30:J33"/>
    <mergeCell ref="K30:K33"/>
    <mergeCell ref="D30:E33"/>
    <mergeCell ref="D35:E36"/>
    <mergeCell ref="H35:I36"/>
    <mergeCell ref="D34:E34"/>
  </mergeCells>
  <phoneticPr fontId="1"/>
  <pageMargins left="0.70866141732283472" right="0.70866141732283472" top="0.74803149606299213" bottom="0.74803149606299213" header="0.31496062992125984" footer="0.31496062992125984"/>
  <pageSetup paperSize="9" scale="80" orientation="landscape" r:id="rId1"/>
  <headerFooter>
    <oddFooter>&amp;C－３－</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0"/>
  <sheetViews>
    <sheetView view="pageBreakPreview" zoomScaleNormal="100" zoomScaleSheetLayoutView="100" workbookViewId="0">
      <selection activeCell="A16" sqref="A16:A19"/>
    </sheetView>
  </sheetViews>
  <sheetFormatPr defaultRowHeight="14.4"/>
  <cols>
    <col min="1" max="1" width="7.5" customWidth="1"/>
    <col min="2" max="2" width="8.09765625" customWidth="1"/>
    <col min="3" max="3" width="7.5" customWidth="1"/>
    <col min="4" max="4" width="8.69921875" customWidth="1"/>
    <col min="5" max="8" width="7.5" customWidth="1"/>
    <col min="9" max="11" width="8.69921875" customWidth="1"/>
    <col min="12" max="15" width="11.8984375" customWidth="1"/>
  </cols>
  <sheetData>
    <row r="1" spans="1:17" s="26" customFormat="1"/>
    <row r="2" spans="1:17" s="26" customFormat="1"/>
    <row r="3" spans="1:17" s="26" customFormat="1">
      <c r="A3" s="26" t="s">
        <v>79</v>
      </c>
      <c r="N3" s="54"/>
      <c r="O3" s="54"/>
    </row>
    <row r="4" spans="1:17" s="26" customFormat="1" ht="23.25" customHeight="1">
      <c r="A4" s="50"/>
      <c r="B4" s="28"/>
      <c r="C4" s="29"/>
      <c r="D4" s="144" t="s">
        <v>80</v>
      </c>
      <c r="E4" s="76" t="s">
        <v>81</v>
      </c>
      <c r="F4" s="88"/>
      <c r="G4" s="88"/>
      <c r="H4" s="155"/>
      <c r="I4" s="76" t="s">
        <v>113</v>
      </c>
      <c r="J4" s="88"/>
      <c r="K4" s="155"/>
      <c r="L4" s="88" t="s">
        <v>82</v>
      </c>
      <c r="M4" s="88"/>
      <c r="N4" s="88"/>
      <c r="O4" s="155"/>
      <c r="P4" s="83" t="s">
        <v>17</v>
      </c>
      <c r="Q4" s="85"/>
    </row>
    <row r="5" spans="1:17" s="26" customFormat="1" ht="23.25" customHeight="1">
      <c r="A5" s="51"/>
      <c r="B5" s="30"/>
      <c r="C5" s="31"/>
      <c r="D5" s="145"/>
      <c r="E5" s="70"/>
      <c r="F5" s="89"/>
      <c r="G5" s="89"/>
      <c r="H5" s="59"/>
      <c r="I5" s="70"/>
      <c r="J5" s="89"/>
      <c r="K5" s="59"/>
      <c r="L5" s="89"/>
      <c r="M5" s="89"/>
      <c r="N5" s="89"/>
      <c r="O5" s="59"/>
      <c r="P5" s="103"/>
      <c r="Q5" s="74"/>
    </row>
    <row r="6" spans="1:17" s="26" customFormat="1" ht="23.25" customHeight="1">
      <c r="A6" s="51"/>
      <c r="B6" s="30"/>
      <c r="C6" s="31"/>
      <c r="D6" s="145"/>
      <c r="E6" s="71"/>
      <c r="F6" s="90"/>
      <c r="G6" s="90"/>
      <c r="H6" s="60"/>
      <c r="I6" s="71"/>
      <c r="J6" s="90"/>
      <c r="K6" s="60"/>
      <c r="L6" s="90"/>
      <c r="M6" s="90"/>
      <c r="N6" s="90"/>
      <c r="O6" s="60"/>
      <c r="P6" s="103"/>
      <c r="Q6" s="74"/>
    </row>
    <row r="7" spans="1:17" s="26" customFormat="1" ht="23.25" customHeight="1">
      <c r="A7" s="51"/>
      <c r="B7" s="30"/>
      <c r="C7" s="31"/>
      <c r="D7" s="145"/>
      <c r="E7" s="149" t="s">
        <v>84</v>
      </c>
      <c r="F7" s="150"/>
      <c r="G7" s="70" t="s">
        <v>85</v>
      </c>
      <c r="H7" s="59"/>
      <c r="I7" s="70" t="s">
        <v>86</v>
      </c>
      <c r="J7" s="89"/>
      <c r="K7" s="59"/>
      <c r="L7" s="67" t="s">
        <v>87</v>
      </c>
      <c r="M7" s="67" t="s">
        <v>88</v>
      </c>
      <c r="N7" s="67" t="s">
        <v>89</v>
      </c>
      <c r="O7" s="67" t="s">
        <v>90</v>
      </c>
      <c r="P7" s="103"/>
      <c r="Q7" s="74"/>
    </row>
    <row r="8" spans="1:17" s="26" customFormat="1" ht="23.25" customHeight="1">
      <c r="A8" s="51"/>
      <c r="B8" s="30"/>
      <c r="C8" s="31"/>
      <c r="D8" s="145"/>
      <c r="E8" s="149"/>
      <c r="F8" s="150"/>
      <c r="G8" s="70"/>
      <c r="H8" s="59"/>
      <c r="I8" s="70"/>
      <c r="J8" s="89"/>
      <c r="K8" s="59"/>
      <c r="L8" s="67"/>
      <c r="M8" s="67"/>
      <c r="N8" s="67"/>
      <c r="O8" s="67"/>
      <c r="P8" s="103"/>
      <c r="Q8" s="74"/>
    </row>
    <row r="9" spans="1:17" s="26" customFormat="1" ht="23.25" customHeight="1">
      <c r="A9" s="51"/>
      <c r="B9" s="30"/>
      <c r="C9" s="31"/>
      <c r="D9" s="145"/>
      <c r="E9" s="149"/>
      <c r="F9" s="150"/>
      <c r="G9" s="70"/>
      <c r="H9" s="59"/>
      <c r="I9" s="70"/>
      <c r="J9" s="89"/>
      <c r="K9" s="59"/>
      <c r="L9" s="67"/>
      <c r="M9" s="67"/>
      <c r="N9" s="67"/>
      <c r="O9" s="67"/>
      <c r="P9" s="103"/>
      <c r="Q9" s="74"/>
    </row>
    <row r="10" spans="1:17" s="26" customFormat="1" ht="23.25" customHeight="1" thickBot="1">
      <c r="A10" s="52"/>
      <c r="B10" s="35"/>
      <c r="C10" s="36"/>
      <c r="D10" s="146"/>
      <c r="E10" s="151"/>
      <c r="F10" s="152"/>
      <c r="G10" s="153"/>
      <c r="H10" s="154"/>
      <c r="I10" s="153"/>
      <c r="J10" s="111"/>
      <c r="K10" s="154"/>
      <c r="L10" s="108"/>
      <c r="M10" s="108"/>
      <c r="N10" s="108"/>
      <c r="O10" s="108"/>
      <c r="P10" s="147"/>
      <c r="Q10" s="148"/>
    </row>
    <row r="11" spans="1:17" s="26" customFormat="1" ht="16.5" customHeight="1" thickTop="1">
      <c r="A11" s="51"/>
      <c r="B11" s="30"/>
      <c r="C11" s="31"/>
      <c r="D11" s="31"/>
      <c r="E11" s="156" t="s">
        <v>55</v>
      </c>
      <c r="F11" s="157"/>
      <c r="G11" s="156" t="s">
        <v>55</v>
      </c>
      <c r="H11" s="157"/>
      <c r="I11" s="156" t="s">
        <v>55</v>
      </c>
      <c r="J11" s="158"/>
      <c r="K11" s="157"/>
      <c r="L11" s="53" t="s">
        <v>55</v>
      </c>
      <c r="M11" s="53" t="s">
        <v>55</v>
      </c>
      <c r="N11" s="53" t="s">
        <v>55</v>
      </c>
      <c r="O11" s="53" t="s">
        <v>55</v>
      </c>
      <c r="P11" s="156" t="s">
        <v>55</v>
      </c>
      <c r="Q11" s="157"/>
    </row>
    <row r="12" spans="1:17" s="26" customFormat="1" ht="30" customHeight="1">
      <c r="A12" s="57" t="s">
        <v>173</v>
      </c>
      <c r="B12" s="103" t="s">
        <v>2</v>
      </c>
      <c r="C12" s="74"/>
      <c r="D12" s="57"/>
      <c r="E12" s="70" t="s">
        <v>166</v>
      </c>
      <c r="F12" s="59"/>
      <c r="G12" s="70"/>
      <c r="H12" s="59"/>
      <c r="I12" s="70"/>
      <c r="J12" s="89"/>
      <c r="K12" s="59"/>
      <c r="L12" s="70"/>
      <c r="M12" s="70" t="s">
        <v>166</v>
      </c>
      <c r="N12" s="70"/>
      <c r="O12" s="67"/>
      <c r="P12" s="103"/>
      <c r="Q12" s="74"/>
    </row>
    <row r="13" spans="1:17" s="26" customFormat="1" ht="30" customHeight="1">
      <c r="A13" s="57"/>
      <c r="B13" s="98"/>
      <c r="C13" s="75"/>
      <c r="D13" s="58"/>
      <c r="E13" s="71"/>
      <c r="F13" s="60"/>
      <c r="G13" s="71"/>
      <c r="H13" s="60"/>
      <c r="I13" s="71"/>
      <c r="J13" s="90"/>
      <c r="K13" s="60"/>
      <c r="L13" s="71"/>
      <c r="M13" s="71"/>
      <c r="N13" s="71"/>
      <c r="O13" s="68"/>
      <c r="P13" s="98"/>
      <c r="Q13" s="75"/>
    </row>
    <row r="14" spans="1:17" s="26" customFormat="1" ht="30" customHeight="1">
      <c r="A14" s="57"/>
      <c r="B14" s="83" t="s">
        <v>3</v>
      </c>
      <c r="C14" s="85"/>
      <c r="D14" s="77"/>
      <c r="E14" s="70"/>
      <c r="F14" s="59"/>
      <c r="G14" s="70"/>
      <c r="H14" s="59"/>
      <c r="I14" s="76"/>
      <c r="J14" s="88"/>
      <c r="K14" s="155"/>
      <c r="L14" s="76"/>
      <c r="M14" s="70"/>
      <c r="N14" s="76"/>
      <c r="O14" s="67"/>
      <c r="P14" s="83"/>
      <c r="Q14" s="85"/>
    </row>
    <row r="15" spans="1:17" s="26" customFormat="1" ht="30" customHeight="1">
      <c r="A15" s="58"/>
      <c r="B15" s="98"/>
      <c r="C15" s="75"/>
      <c r="D15" s="58"/>
      <c r="E15" s="71"/>
      <c r="F15" s="60"/>
      <c r="G15" s="71"/>
      <c r="H15" s="60"/>
      <c r="I15" s="71"/>
      <c r="J15" s="90"/>
      <c r="K15" s="60"/>
      <c r="L15" s="71"/>
      <c r="M15" s="71"/>
      <c r="N15" s="71"/>
      <c r="O15" s="68"/>
      <c r="P15" s="98"/>
      <c r="Q15" s="75"/>
    </row>
    <row r="16" spans="1:17" s="26" customFormat="1" ht="30" customHeight="1">
      <c r="A16" s="57" t="s">
        <v>174</v>
      </c>
      <c r="B16" s="103" t="s">
        <v>2</v>
      </c>
      <c r="C16" s="74"/>
      <c r="D16" s="77"/>
      <c r="E16" s="70" t="s">
        <v>166</v>
      </c>
      <c r="F16" s="59"/>
      <c r="G16" s="70"/>
      <c r="H16" s="59"/>
      <c r="I16" s="76"/>
      <c r="J16" s="88"/>
      <c r="K16" s="155"/>
      <c r="L16" s="70"/>
      <c r="M16" s="70" t="s">
        <v>166</v>
      </c>
      <c r="N16" s="70"/>
      <c r="O16" s="67"/>
      <c r="P16" s="83"/>
      <c r="Q16" s="85"/>
    </row>
    <row r="17" spans="1:17" s="26" customFormat="1" ht="30" customHeight="1">
      <c r="A17" s="57"/>
      <c r="B17" s="98"/>
      <c r="C17" s="75"/>
      <c r="D17" s="58"/>
      <c r="E17" s="71"/>
      <c r="F17" s="60"/>
      <c r="G17" s="71"/>
      <c r="H17" s="60"/>
      <c r="I17" s="71"/>
      <c r="J17" s="90"/>
      <c r="K17" s="60"/>
      <c r="L17" s="71"/>
      <c r="M17" s="71"/>
      <c r="N17" s="71"/>
      <c r="O17" s="68"/>
      <c r="P17" s="98"/>
      <c r="Q17" s="75"/>
    </row>
    <row r="18" spans="1:17" s="26" customFormat="1" ht="30" customHeight="1">
      <c r="A18" s="57"/>
      <c r="B18" s="83" t="s">
        <v>3</v>
      </c>
      <c r="C18" s="85"/>
      <c r="D18" s="77"/>
      <c r="E18" s="70"/>
      <c r="F18" s="59"/>
      <c r="G18" s="70"/>
      <c r="H18" s="59"/>
      <c r="I18" s="76"/>
      <c r="J18" s="88"/>
      <c r="K18" s="155"/>
      <c r="L18" s="76"/>
      <c r="M18" s="70"/>
      <c r="N18" s="76"/>
      <c r="O18" s="67"/>
      <c r="P18" s="83"/>
      <c r="Q18" s="85"/>
    </row>
    <row r="19" spans="1:17" s="26" customFormat="1" ht="30" customHeight="1">
      <c r="A19" s="58"/>
      <c r="B19" s="98"/>
      <c r="C19" s="75"/>
      <c r="D19" s="58"/>
      <c r="E19" s="71"/>
      <c r="F19" s="60"/>
      <c r="G19" s="71"/>
      <c r="H19" s="60"/>
      <c r="I19" s="71"/>
      <c r="J19" s="90"/>
      <c r="K19" s="60"/>
      <c r="L19" s="71"/>
      <c r="M19" s="71"/>
      <c r="N19" s="71"/>
      <c r="O19" s="68"/>
      <c r="P19" s="98"/>
      <c r="Q19" s="75"/>
    </row>
    <row r="20" spans="1:17" s="26" customFormat="1" ht="18.75" customHeight="1">
      <c r="B20" s="26" t="s">
        <v>83</v>
      </c>
    </row>
    <row r="21" spans="1:17" s="26" customFormat="1">
      <c r="B21" s="26" t="s">
        <v>91</v>
      </c>
    </row>
    <row r="22" spans="1:17" s="26" customFormat="1"/>
    <row r="23" spans="1:17" s="26" customFormat="1"/>
    <row r="24" spans="1:17" s="26" customFormat="1"/>
    <row r="25" spans="1:17" s="26" customFormat="1"/>
    <row r="26" spans="1:17" s="26" customFormat="1"/>
    <row r="27" spans="1:17" s="26" customFormat="1"/>
    <row r="28" spans="1:17" s="26" customFormat="1"/>
    <row r="29" spans="1:17" s="26" customFormat="1"/>
    <row r="30" spans="1:17" s="26" customFormat="1"/>
  </sheetData>
  <mergeCells count="58">
    <mergeCell ref="E11:F11"/>
    <mergeCell ref="P12:Q13"/>
    <mergeCell ref="P14:Q15"/>
    <mergeCell ref="P16:Q17"/>
    <mergeCell ref="E12:F13"/>
    <mergeCell ref="G12:H13"/>
    <mergeCell ref="E14:F15"/>
    <mergeCell ref="E16:F17"/>
    <mergeCell ref="P18:Q19"/>
    <mergeCell ref="P11:Q11"/>
    <mergeCell ref="I12:K13"/>
    <mergeCell ref="I14:K15"/>
    <mergeCell ref="I16:K17"/>
    <mergeCell ref="I18:K19"/>
    <mergeCell ref="I11:K11"/>
    <mergeCell ref="G18:H19"/>
    <mergeCell ref="L4:O6"/>
    <mergeCell ref="N18:N19"/>
    <mergeCell ref="O18:O19"/>
    <mergeCell ref="O16:O17"/>
    <mergeCell ref="N16:N17"/>
    <mergeCell ref="L14:L15"/>
    <mergeCell ref="M14:M15"/>
    <mergeCell ref="N14:N15"/>
    <mergeCell ref="O14:O15"/>
    <mergeCell ref="O12:O13"/>
    <mergeCell ref="G11:H11"/>
    <mergeCell ref="P4:Q10"/>
    <mergeCell ref="E7:F10"/>
    <mergeCell ref="G7:H10"/>
    <mergeCell ref="I7:K10"/>
    <mergeCell ref="L7:L10"/>
    <mergeCell ref="M7:M10"/>
    <mergeCell ref="N7:N10"/>
    <mergeCell ref="O7:O10"/>
    <mergeCell ref="E4:H6"/>
    <mergeCell ref="I4:K6"/>
    <mergeCell ref="D4:D10"/>
    <mergeCell ref="D12:D13"/>
    <mergeCell ref="D14:D15"/>
    <mergeCell ref="D16:D17"/>
    <mergeCell ref="D18:D19"/>
    <mergeCell ref="A16:A19"/>
    <mergeCell ref="B16:C17"/>
    <mergeCell ref="L12:L13"/>
    <mergeCell ref="M12:M13"/>
    <mergeCell ref="N12:N13"/>
    <mergeCell ref="B14:C15"/>
    <mergeCell ref="A12:A15"/>
    <mergeCell ref="B12:C13"/>
    <mergeCell ref="B18:C19"/>
    <mergeCell ref="L18:L19"/>
    <mergeCell ref="M18:M19"/>
    <mergeCell ref="L16:L17"/>
    <mergeCell ref="M16:M17"/>
    <mergeCell ref="E18:F19"/>
    <mergeCell ref="G14:H15"/>
    <mergeCell ref="G16:H17"/>
  </mergeCells>
  <phoneticPr fontId="1"/>
  <pageMargins left="0.70866141732283472" right="0.70866141732283472" top="0.74803149606299213" bottom="0.74803149606299213" header="0.31496062992125984" footer="0.31496062992125984"/>
  <pageSetup paperSize="9" scale="80" orientation="landscape" verticalDpi="0" r:id="rId1"/>
  <headerFooter>
    <oddFooter>&amp;C－４－</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L29"/>
  <sheetViews>
    <sheetView view="pageBreakPreview" zoomScaleNormal="100" zoomScaleSheetLayoutView="100" workbookViewId="0">
      <selection activeCell="D28" sqref="D28"/>
    </sheetView>
  </sheetViews>
  <sheetFormatPr defaultRowHeight="14.4"/>
  <cols>
    <col min="1" max="1" width="5.5" customWidth="1"/>
    <col min="2" max="3" width="15" customWidth="1"/>
    <col min="4" max="4" width="8.69921875" customWidth="1"/>
    <col min="5" max="5" width="15" customWidth="1"/>
    <col min="6" max="7" width="16.8984375" customWidth="1"/>
    <col min="8" max="9" width="8.69921875" customWidth="1"/>
    <col min="10" max="11" width="11.19921875" customWidth="1"/>
    <col min="12" max="12" width="16" customWidth="1"/>
  </cols>
  <sheetData>
    <row r="2" spans="1:12">
      <c r="A2" s="19" t="s">
        <v>92</v>
      </c>
      <c r="B2" s="19"/>
      <c r="C2" s="19"/>
      <c r="D2" s="19"/>
      <c r="E2" s="19"/>
      <c r="F2" s="19"/>
      <c r="G2" s="19"/>
      <c r="H2" s="19"/>
      <c r="I2" s="19"/>
      <c r="J2" s="19"/>
      <c r="K2" s="19"/>
      <c r="L2" s="19"/>
    </row>
    <row r="3" spans="1:12">
      <c r="A3" s="1" t="s">
        <v>93</v>
      </c>
      <c r="B3" s="1"/>
      <c r="C3" s="1"/>
      <c r="D3" s="1"/>
      <c r="E3" s="1"/>
      <c r="F3" s="1"/>
      <c r="G3" s="1"/>
      <c r="H3" s="1"/>
      <c r="I3" s="1"/>
      <c r="J3" s="1"/>
      <c r="K3" s="1"/>
      <c r="L3" s="1"/>
    </row>
    <row r="4" spans="1:12">
      <c r="A4" s="3"/>
      <c r="B4" s="139" t="s">
        <v>94</v>
      </c>
      <c r="C4" s="116" t="s">
        <v>95</v>
      </c>
      <c r="D4" s="100" t="s">
        <v>96</v>
      </c>
      <c r="E4" s="102"/>
      <c r="F4" s="129" t="s">
        <v>99</v>
      </c>
      <c r="G4" s="116" t="s">
        <v>100</v>
      </c>
      <c r="H4" s="129" t="s">
        <v>101</v>
      </c>
      <c r="I4" s="129" t="s">
        <v>102</v>
      </c>
      <c r="J4" s="129" t="s">
        <v>103</v>
      </c>
      <c r="K4" s="129" t="s">
        <v>104</v>
      </c>
      <c r="L4" s="119" t="s">
        <v>105</v>
      </c>
    </row>
    <row r="5" spans="1:12">
      <c r="A5" s="5"/>
      <c r="B5" s="140"/>
      <c r="C5" s="135"/>
      <c r="D5" s="7" t="s">
        <v>97</v>
      </c>
      <c r="E5" s="12" t="s">
        <v>98</v>
      </c>
      <c r="F5" s="124"/>
      <c r="G5" s="135"/>
      <c r="H5" s="124"/>
      <c r="I5" s="124"/>
      <c r="J5" s="124"/>
      <c r="K5" s="124"/>
      <c r="L5" s="135"/>
    </row>
    <row r="6" spans="1:12" ht="22.5" customHeight="1">
      <c r="A6" s="106">
        <v>1</v>
      </c>
      <c r="B6" s="139" t="s">
        <v>106</v>
      </c>
      <c r="C6" s="139" t="s">
        <v>106</v>
      </c>
      <c r="D6" s="139"/>
      <c r="E6" s="139" t="s">
        <v>106</v>
      </c>
      <c r="F6" s="139" t="s">
        <v>107</v>
      </c>
      <c r="G6" s="139" t="s">
        <v>107</v>
      </c>
      <c r="H6" s="139"/>
      <c r="I6" s="139"/>
      <c r="J6" s="159" t="s">
        <v>108</v>
      </c>
      <c r="K6" s="139"/>
      <c r="L6" s="139"/>
    </row>
    <row r="7" spans="1:12" ht="22.5" customHeight="1">
      <c r="A7" s="140"/>
      <c r="B7" s="140"/>
      <c r="C7" s="140"/>
      <c r="D7" s="140"/>
      <c r="E7" s="140"/>
      <c r="F7" s="140"/>
      <c r="G7" s="140"/>
      <c r="H7" s="140"/>
      <c r="I7" s="140"/>
      <c r="J7" s="160"/>
      <c r="K7" s="140"/>
      <c r="L7" s="140"/>
    </row>
    <row r="8" spans="1:12" ht="22.5" customHeight="1">
      <c r="A8" s="106">
        <v>2</v>
      </c>
      <c r="B8" s="139" t="s">
        <v>106</v>
      </c>
      <c r="C8" s="139" t="s">
        <v>106</v>
      </c>
      <c r="D8" s="139"/>
      <c r="E8" s="139" t="s">
        <v>106</v>
      </c>
      <c r="F8" s="139" t="s">
        <v>107</v>
      </c>
      <c r="G8" s="139" t="s">
        <v>107</v>
      </c>
      <c r="H8" s="139"/>
      <c r="I8" s="139"/>
      <c r="J8" s="159" t="s">
        <v>108</v>
      </c>
      <c r="K8" s="139"/>
      <c r="L8" s="139"/>
    </row>
    <row r="9" spans="1:12" ht="22.5" customHeight="1">
      <c r="A9" s="140"/>
      <c r="B9" s="140"/>
      <c r="C9" s="140"/>
      <c r="D9" s="140"/>
      <c r="E9" s="140"/>
      <c r="F9" s="140"/>
      <c r="G9" s="140"/>
      <c r="H9" s="140"/>
      <c r="I9" s="140"/>
      <c r="J9" s="160"/>
      <c r="K9" s="140"/>
      <c r="L9" s="140"/>
    </row>
    <row r="10" spans="1:12" ht="22.5" customHeight="1">
      <c r="A10" s="106">
        <v>3</v>
      </c>
      <c r="B10" s="139" t="s">
        <v>106</v>
      </c>
      <c r="C10" s="139" t="s">
        <v>106</v>
      </c>
      <c r="D10" s="139"/>
      <c r="E10" s="139" t="s">
        <v>106</v>
      </c>
      <c r="F10" s="139" t="s">
        <v>107</v>
      </c>
      <c r="G10" s="139" t="s">
        <v>107</v>
      </c>
      <c r="H10" s="139"/>
      <c r="I10" s="139"/>
      <c r="J10" s="159" t="s">
        <v>108</v>
      </c>
      <c r="K10" s="139"/>
      <c r="L10" s="139"/>
    </row>
    <row r="11" spans="1:12" ht="22.5" customHeight="1">
      <c r="A11" s="140"/>
      <c r="B11" s="140"/>
      <c r="C11" s="140"/>
      <c r="D11" s="140"/>
      <c r="E11" s="140"/>
      <c r="F11" s="140"/>
      <c r="G11" s="140"/>
      <c r="H11" s="140"/>
      <c r="I11" s="140"/>
      <c r="J11" s="160"/>
      <c r="K11" s="140"/>
      <c r="L11" s="140"/>
    </row>
    <row r="12" spans="1:12" ht="22.5" customHeight="1">
      <c r="A12" s="106">
        <v>4</v>
      </c>
      <c r="B12" s="139" t="s">
        <v>106</v>
      </c>
      <c r="C12" s="139" t="s">
        <v>106</v>
      </c>
      <c r="D12" s="139"/>
      <c r="E12" s="139" t="s">
        <v>106</v>
      </c>
      <c r="F12" s="139" t="s">
        <v>107</v>
      </c>
      <c r="G12" s="139" t="s">
        <v>107</v>
      </c>
      <c r="H12" s="139"/>
      <c r="I12" s="139"/>
      <c r="J12" s="159" t="s">
        <v>108</v>
      </c>
      <c r="K12" s="139"/>
      <c r="L12" s="139"/>
    </row>
    <row r="13" spans="1:12" ht="22.5" customHeight="1">
      <c r="A13" s="140"/>
      <c r="B13" s="140"/>
      <c r="C13" s="140"/>
      <c r="D13" s="140"/>
      <c r="E13" s="140"/>
      <c r="F13" s="140"/>
      <c r="G13" s="140"/>
      <c r="H13" s="140"/>
      <c r="I13" s="140"/>
      <c r="J13" s="160"/>
      <c r="K13" s="140"/>
      <c r="L13" s="140"/>
    </row>
    <row r="14" spans="1:12" ht="22.5" customHeight="1">
      <c r="A14" s="106">
        <v>5</v>
      </c>
      <c r="B14" s="139" t="s">
        <v>106</v>
      </c>
      <c r="C14" s="139" t="s">
        <v>106</v>
      </c>
      <c r="D14" s="139"/>
      <c r="E14" s="139" t="s">
        <v>106</v>
      </c>
      <c r="F14" s="139" t="s">
        <v>107</v>
      </c>
      <c r="G14" s="139" t="s">
        <v>107</v>
      </c>
      <c r="H14" s="139"/>
      <c r="I14" s="139"/>
      <c r="J14" s="159" t="s">
        <v>108</v>
      </c>
      <c r="K14" s="139"/>
      <c r="L14" s="139"/>
    </row>
    <row r="15" spans="1:12" ht="22.5" customHeight="1">
      <c r="A15" s="140"/>
      <c r="B15" s="140"/>
      <c r="C15" s="140"/>
      <c r="D15" s="140"/>
      <c r="E15" s="140"/>
      <c r="F15" s="140"/>
      <c r="G15" s="140"/>
      <c r="H15" s="140"/>
      <c r="I15" s="140"/>
      <c r="J15" s="160"/>
      <c r="K15" s="140"/>
      <c r="L15" s="140"/>
    </row>
    <row r="16" spans="1:12" ht="22.5" customHeight="1">
      <c r="A16" s="114">
        <v>6</v>
      </c>
      <c r="B16" s="139" t="s">
        <v>106</v>
      </c>
      <c r="C16" s="139" t="s">
        <v>106</v>
      </c>
      <c r="D16" s="139"/>
      <c r="E16" s="139" t="s">
        <v>106</v>
      </c>
      <c r="F16" s="139" t="s">
        <v>107</v>
      </c>
      <c r="G16" s="139" t="s">
        <v>107</v>
      </c>
      <c r="H16" s="139"/>
      <c r="I16" s="139"/>
      <c r="J16" s="159" t="s">
        <v>108</v>
      </c>
      <c r="K16" s="139"/>
      <c r="L16" s="139"/>
    </row>
    <row r="17" spans="1:12" ht="22.5" customHeight="1">
      <c r="A17" s="134"/>
      <c r="B17" s="140"/>
      <c r="C17" s="140"/>
      <c r="D17" s="140"/>
      <c r="E17" s="140"/>
      <c r="F17" s="140"/>
      <c r="G17" s="140"/>
      <c r="H17" s="140"/>
      <c r="I17" s="140"/>
      <c r="J17" s="160"/>
      <c r="K17" s="140"/>
      <c r="L17" s="140"/>
    </row>
    <row r="18" spans="1:12" ht="22.5" customHeight="1">
      <c r="A18" s="117">
        <v>7</v>
      </c>
      <c r="B18" s="139" t="s">
        <v>106</v>
      </c>
      <c r="C18" s="139" t="s">
        <v>106</v>
      </c>
      <c r="D18" s="139"/>
      <c r="E18" s="139" t="s">
        <v>106</v>
      </c>
      <c r="F18" s="139" t="s">
        <v>107</v>
      </c>
      <c r="G18" s="139" t="s">
        <v>107</v>
      </c>
      <c r="H18" s="139"/>
      <c r="I18" s="139"/>
      <c r="J18" s="159" t="s">
        <v>108</v>
      </c>
      <c r="K18" s="139"/>
      <c r="L18" s="139"/>
    </row>
    <row r="19" spans="1:12" ht="22.5" customHeight="1">
      <c r="A19" s="117"/>
      <c r="B19" s="140"/>
      <c r="C19" s="140"/>
      <c r="D19" s="140"/>
      <c r="E19" s="140"/>
      <c r="F19" s="140"/>
      <c r="G19" s="140"/>
      <c r="H19" s="140"/>
      <c r="I19" s="140"/>
      <c r="J19" s="160"/>
      <c r="K19" s="140"/>
      <c r="L19" s="140"/>
    </row>
    <row r="20" spans="1:12" ht="22.5" customHeight="1">
      <c r="A20" s="114">
        <v>8</v>
      </c>
      <c r="B20" s="139" t="s">
        <v>106</v>
      </c>
      <c r="C20" s="139" t="s">
        <v>106</v>
      </c>
      <c r="D20" s="139"/>
      <c r="E20" s="139" t="s">
        <v>106</v>
      </c>
      <c r="F20" s="139" t="s">
        <v>107</v>
      </c>
      <c r="G20" s="139" t="s">
        <v>107</v>
      </c>
      <c r="H20" s="139"/>
      <c r="I20" s="139"/>
      <c r="J20" s="159" t="s">
        <v>108</v>
      </c>
      <c r="K20" s="139"/>
      <c r="L20" s="139"/>
    </row>
    <row r="21" spans="1:12" ht="22.5" customHeight="1">
      <c r="A21" s="134"/>
      <c r="B21" s="140"/>
      <c r="C21" s="140"/>
      <c r="D21" s="140"/>
      <c r="E21" s="140"/>
      <c r="F21" s="140"/>
      <c r="G21" s="140"/>
      <c r="H21" s="140"/>
      <c r="I21" s="140"/>
      <c r="J21" s="160"/>
      <c r="K21" s="140"/>
      <c r="L21" s="140"/>
    </row>
    <row r="22" spans="1:12" ht="22.5" customHeight="1">
      <c r="A22" s="106">
        <v>9</v>
      </c>
      <c r="B22" s="139" t="s">
        <v>106</v>
      </c>
      <c r="C22" s="139" t="s">
        <v>106</v>
      </c>
      <c r="D22" s="139"/>
      <c r="E22" s="139" t="s">
        <v>106</v>
      </c>
      <c r="F22" s="139" t="s">
        <v>107</v>
      </c>
      <c r="G22" s="139" t="s">
        <v>107</v>
      </c>
      <c r="H22" s="139"/>
      <c r="I22" s="139"/>
      <c r="J22" s="159" t="s">
        <v>108</v>
      </c>
      <c r="K22" s="139"/>
      <c r="L22" s="139"/>
    </row>
    <row r="23" spans="1:12" ht="22.5" customHeight="1">
      <c r="A23" s="140"/>
      <c r="B23" s="140"/>
      <c r="C23" s="140"/>
      <c r="D23" s="140"/>
      <c r="E23" s="140"/>
      <c r="F23" s="140"/>
      <c r="G23" s="140"/>
      <c r="H23" s="140"/>
      <c r="I23" s="140"/>
      <c r="J23" s="160"/>
      <c r="K23" s="140"/>
      <c r="L23" s="140"/>
    </row>
    <row r="24" spans="1:12" ht="22.5" customHeight="1">
      <c r="A24" s="117">
        <v>10</v>
      </c>
      <c r="B24" s="139" t="s">
        <v>106</v>
      </c>
      <c r="C24" s="139" t="s">
        <v>106</v>
      </c>
      <c r="D24" s="139"/>
      <c r="E24" s="139" t="s">
        <v>106</v>
      </c>
      <c r="F24" s="139" t="s">
        <v>107</v>
      </c>
      <c r="G24" s="139" t="s">
        <v>107</v>
      </c>
      <c r="H24" s="139"/>
      <c r="I24" s="139"/>
      <c r="J24" s="159" t="s">
        <v>108</v>
      </c>
      <c r="K24" s="139"/>
      <c r="L24" s="139"/>
    </row>
    <row r="25" spans="1:12" ht="22.5" customHeight="1">
      <c r="A25" s="134"/>
      <c r="B25" s="140"/>
      <c r="C25" s="140"/>
      <c r="D25" s="140"/>
      <c r="E25" s="140"/>
      <c r="F25" s="140"/>
      <c r="G25" s="140"/>
      <c r="H25" s="140"/>
      <c r="I25" s="140"/>
      <c r="J25" s="160"/>
      <c r="K25" s="140"/>
      <c r="L25" s="140"/>
    </row>
    <row r="26" spans="1:12" ht="21" customHeight="1">
      <c r="B26" t="s">
        <v>109</v>
      </c>
    </row>
    <row r="27" spans="1:12" ht="21" customHeight="1">
      <c r="B27" t="s">
        <v>110</v>
      </c>
    </row>
    <row r="28" spans="1:12" ht="21" customHeight="1">
      <c r="B28" t="s">
        <v>111</v>
      </c>
    </row>
    <row r="29" spans="1:12" ht="21" customHeight="1">
      <c r="B29" t="s">
        <v>112</v>
      </c>
    </row>
  </sheetData>
  <mergeCells count="130">
    <mergeCell ref="I22:I23"/>
    <mergeCell ref="J22:J23"/>
    <mergeCell ref="K22:K23"/>
    <mergeCell ref="L22:L23"/>
    <mergeCell ref="H24:H25"/>
    <mergeCell ref="I24:I25"/>
    <mergeCell ref="J24:J25"/>
    <mergeCell ref="K24:K25"/>
    <mergeCell ref="L24:L25"/>
    <mergeCell ref="I18:I19"/>
    <mergeCell ref="J18:J19"/>
    <mergeCell ref="K18:K19"/>
    <mergeCell ref="L18:L19"/>
    <mergeCell ref="H20:H21"/>
    <mergeCell ref="I20:I21"/>
    <mergeCell ref="J20:J21"/>
    <mergeCell ref="K20:K21"/>
    <mergeCell ref="L20:L21"/>
    <mergeCell ref="I14:I15"/>
    <mergeCell ref="J14:J15"/>
    <mergeCell ref="K14:K15"/>
    <mergeCell ref="L14:L15"/>
    <mergeCell ref="H16:H17"/>
    <mergeCell ref="I16:I17"/>
    <mergeCell ref="J16:J17"/>
    <mergeCell ref="K16:K17"/>
    <mergeCell ref="L16:L17"/>
    <mergeCell ref="J8:J9"/>
    <mergeCell ref="K8:K9"/>
    <mergeCell ref="H10:H11"/>
    <mergeCell ref="I10:I11"/>
    <mergeCell ref="J10:J11"/>
    <mergeCell ref="K10:K11"/>
    <mergeCell ref="L10:L11"/>
    <mergeCell ref="H12:H13"/>
    <mergeCell ref="I12:I13"/>
    <mergeCell ref="J12:J13"/>
    <mergeCell ref="K12:K13"/>
    <mergeCell ref="L12:L13"/>
    <mergeCell ref="G10:G11"/>
    <mergeCell ref="G12:G13"/>
    <mergeCell ref="G14:G15"/>
    <mergeCell ref="G16:G17"/>
    <mergeCell ref="G18:G19"/>
    <mergeCell ref="G20:G21"/>
    <mergeCell ref="G22:G23"/>
    <mergeCell ref="G24:G25"/>
    <mergeCell ref="H6:H7"/>
    <mergeCell ref="H8:H9"/>
    <mergeCell ref="H14:H15"/>
    <mergeCell ref="H18:H19"/>
    <mergeCell ref="H22:H23"/>
    <mergeCell ref="F10:F11"/>
    <mergeCell ref="F12:F13"/>
    <mergeCell ref="F14:F15"/>
    <mergeCell ref="F16:F17"/>
    <mergeCell ref="F18:F19"/>
    <mergeCell ref="F20:F21"/>
    <mergeCell ref="E22:E23"/>
    <mergeCell ref="E24:E25"/>
    <mergeCell ref="D6:D7"/>
    <mergeCell ref="D8:D9"/>
    <mergeCell ref="D10:D11"/>
    <mergeCell ref="D12:D13"/>
    <mergeCell ref="D14:D15"/>
    <mergeCell ref="D16:D17"/>
    <mergeCell ref="D18:D19"/>
    <mergeCell ref="D20:D21"/>
    <mergeCell ref="F22:F23"/>
    <mergeCell ref="F24:F25"/>
    <mergeCell ref="C10:C11"/>
    <mergeCell ref="C12:C13"/>
    <mergeCell ref="C14:C15"/>
    <mergeCell ref="C16:C17"/>
    <mergeCell ref="C18:C19"/>
    <mergeCell ref="C20:C21"/>
    <mergeCell ref="C22:C23"/>
    <mergeCell ref="C24:C25"/>
    <mergeCell ref="E6:E7"/>
    <mergeCell ref="E8:E9"/>
    <mergeCell ref="E10:E11"/>
    <mergeCell ref="E12:E13"/>
    <mergeCell ref="E14:E15"/>
    <mergeCell ref="E16:E17"/>
    <mergeCell ref="E18:E19"/>
    <mergeCell ref="E20:E21"/>
    <mergeCell ref="D22:D23"/>
    <mergeCell ref="D24:D25"/>
    <mergeCell ref="A22:A23"/>
    <mergeCell ref="A24:A25"/>
    <mergeCell ref="B6:B7"/>
    <mergeCell ref="B8:B9"/>
    <mergeCell ref="B10:B11"/>
    <mergeCell ref="B12:B13"/>
    <mergeCell ref="B14:B15"/>
    <mergeCell ref="B16:B17"/>
    <mergeCell ref="B18:B19"/>
    <mergeCell ref="B20:B21"/>
    <mergeCell ref="A12:A13"/>
    <mergeCell ref="A10:A11"/>
    <mergeCell ref="A14:A15"/>
    <mergeCell ref="A16:A17"/>
    <mergeCell ref="A18:A19"/>
    <mergeCell ref="A20:A21"/>
    <mergeCell ref="B22:B23"/>
    <mergeCell ref="B24:B25"/>
    <mergeCell ref="I4:I5"/>
    <mergeCell ref="J4:J5"/>
    <mergeCell ref="K4:K5"/>
    <mergeCell ref="L4:L5"/>
    <mergeCell ref="A6:A7"/>
    <mergeCell ref="A8:A9"/>
    <mergeCell ref="L6:L7"/>
    <mergeCell ref="L8:L9"/>
    <mergeCell ref="B4:B5"/>
    <mergeCell ref="C4:C5"/>
    <mergeCell ref="D4:E4"/>
    <mergeCell ref="F4:F5"/>
    <mergeCell ref="G4:G5"/>
    <mergeCell ref="H4:H5"/>
    <mergeCell ref="C6:C7"/>
    <mergeCell ref="C8:C9"/>
    <mergeCell ref="F6:F7"/>
    <mergeCell ref="F8:F9"/>
    <mergeCell ref="G6:G7"/>
    <mergeCell ref="G8:G9"/>
    <mergeCell ref="I6:I7"/>
    <mergeCell ref="J6:J7"/>
    <mergeCell ref="K6:K7"/>
    <mergeCell ref="I8:I9"/>
  </mergeCells>
  <phoneticPr fontId="1"/>
  <pageMargins left="0.70866141732283472" right="0.70866141732283472" top="0.74803149606299213" bottom="0.74803149606299213" header="0.31496062992125984" footer="0.31496062992125984"/>
  <pageSetup paperSize="9" scale="80" orientation="landscape" verticalDpi="0" r:id="rId1"/>
  <headerFooter>
    <oddFooter>&amp;C－５－</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29"/>
  <sheetViews>
    <sheetView view="pageBreakPreview" zoomScaleNormal="100" zoomScaleSheetLayoutView="100" workbookViewId="0">
      <selection activeCell="B28" sqref="B28"/>
    </sheetView>
  </sheetViews>
  <sheetFormatPr defaultRowHeight="14.4"/>
  <cols>
    <col min="1" max="1" width="5.5" customWidth="1"/>
    <col min="2" max="3" width="13" customWidth="1"/>
    <col min="4" max="4" width="6.19921875" customWidth="1"/>
    <col min="5" max="5" width="15" customWidth="1"/>
    <col min="6" max="7" width="16.19921875" customWidth="1"/>
    <col min="8" max="9" width="8.09765625" customWidth="1"/>
    <col min="10" max="10" width="9.3984375" customWidth="1"/>
    <col min="11" max="11" width="10" customWidth="1"/>
    <col min="12" max="12" width="10.59765625" customWidth="1"/>
    <col min="13" max="14" width="11.19921875" customWidth="1"/>
    <col min="15" max="15" width="16" customWidth="1"/>
  </cols>
  <sheetData>
    <row r="1" spans="1:15">
      <c r="A1" s="19"/>
    </row>
    <row r="2" spans="1:15">
      <c r="A2" s="1" t="s">
        <v>115</v>
      </c>
      <c r="B2" s="1"/>
      <c r="C2" s="1"/>
      <c r="D2" s="1"/>
      <c r="E2" s="1"/>
      <c r="F2" s="1"/>
      <c r="G2" s="1"/>
      <c r="H2" s="1"/>
      <c r="I2" s="1"/>
      <c r="J2" s="1"/>
      <c r="K2" s="1"/>
      <c r="L2" s="1"/>
      <c r="M2" s="1"/>
      <c r="N2" s="1"/>
      <c r="O2" s="1"/>
    </row>
    <row r="3" spans="1:15">
      <c r="A3" s="3"/>
      <c r="B3" s="139" t="s">
        <v>94</v>
      </c>
      <c r="C3" s="116" t="s">
        <v>95</v>
      </c>
      <c r="D3" s="100" t="s">
        <v>96</v>
      </c>
      <c r="E3" s="102"/>
      <c r="F3" s="129" t="s">
        <v>99</v>
      </c>
      <c r="G3" s="116" t="s">
        <v>100</v>
      </c>
      <c r="H3" s="129" t="s">
        <v>101</v>
      </c>
      <c r="I3" s="129" t="s">
        <v>102</v>
      </c>
      <c r="J3" s="129" t="s">
        <v>103</v>
      </c>
      <c r="K3" s="129" t="s">
        <v>116</v>
      </c>
      <c r="L3" s="129" t="s">
        <v>117</v>
      </c>
      <c r="M3" s="129" t="s">
        <v>118</v>
      </c>
      <c r="N3" s="129" t="s">
        <v>119</v>
      </c>
      <c r="O3" s="119" t="s">
        <v>105</v>
      </c>
    </row>
    <row r="4" spans="1:15">
      <c r="A4" s="5"/>
      <c r="B4" s="140"/>
      <c r="C4" s="135"/>
      <c r="D4" s="7" t="s">
        <v>97</v>
      </c>
      <c r="E4" s="12" t="s">
        <v>98</v>
      </c>
      <c r="F4" s="124"/>
      <c r="G4" s="135"/>
      <c r="H4" s="124"/>
      <c r="I4" s="124"/>
      <c r="J4" s="124"/>
      <c r="K4" s="124"/>
      <c r="L4" s="124"/>
      <c r="M4" s="124"/>
      <c r="N4" s="124"/>
      <c r="O4" s="135"/>
    </row>
    <row r="5" spans="1:15" ht="22.5" customHeight="1">
      <c r="A5" s="106">
        <v>1</v>
      </c>
      <c r="B5" s="139" t="s">
        <v>106</v>
      </c>
      <c r="C5" s="139" t="s">
        <v>106</v>
      </c>
      <c r="D5" s="139"/>
      <c r="E5" s="139" t="s">
        <v>106</v>
      </c>
      <c r="F5" s="139" t="s">
        <v>107</v>
      </c>
      <c r="G5" s="139" t="s">
        <v>107</v>
      </c>
      <c r="H5" s="139"/>
      <c r="I5" s="139"/>
      <c r="J5" s="159" t="s">
        <v>108</v>
      </c>
      <c r="K5" s="139"/>
      <c r="L5" s="139" t="s">
        <v>121</v>
      </c>
      <c r="M5" s="139"/>
      <c r="N5" s="159" t="s">
        <v>120</v>
      </c>
      <c r="O5" s="139"/>
    </row>
    <row r="6" spans="1:15" ht="22.5" customHeight="1">
      <c r="A6" s="140"/>
      <c r="B6" s="140"/>
      <c r="C6" s="140"/>
      <c r="D6" s="140"/>
      <c r="E6" s="140"/>
      <c r="F6" s="140"/>
      <c r="G6" s="140"/>
      <c r="H6" s="140"/>
      <c r="I6" s="140"/>
      <c r="J6" s="160"/>
      <c r="K6" s="140"/>
      <c r="L6" s="140"/>
      <c r="M6" s="140"/>
      <c r="N6" s="160"/>
      <c r="O6" s="140"/>
    </row>
    <row r="7" spans="1:15" ht="22.5" customHeight="1">
      <c r="A7" s="106">
        <v>2</v>
      </c>
      <c r="B7" s="139" t="s">
        <v>106</v>
      </c>
      <c r="C7" s="139" t="s">
        <v>106</v>
      </c>
      <c r="D7" s="139"/>
      <c r="E7" s="139" t="s">
        <v>106</v>
      </c>
      <c r="F7" s="139" t="s">
        <v>107</v>
      </c>
      <c r="G7" s="139" t="s">
        <v>107</v>
      </c>
      <c r="H7" s="139"/>
      <c r="I7" s="139"/>
      <c r="J7" s="159" t="s">
        <v>108</v>
      </c>
      <c r="K7" s="139"/>
      <c r="L7" s="139" t="s">
        <v>121</v>
      </c>
      <c r="M7" s="139"/>
      <c r="N7" s="159" t="s">
        <v>120</v>
      </c>
      <c r="O7" s="139"/>
    </row>
    <row r="8" spans="1:15" ht="22.5" customHeight="1">
      <c r="A8" s="140"/>
      <c r="B8" s="140"/>
      <c r="C8" s="140"/>
      <c r="D8" s="140"/>
      <c r="E8" s="140"/>
      <c r="F8" s="140"/>
      <c r="G8" s="140"/>
      <c r="H8" s="140"/>
      <c r="I8" s="140"/>
      <c r="J8" s="160"/>
      <c r="K8" s="140"/>
      <c r="L8" s="140"/>
      <c r="M8" s="140"/>
      <c r="N8" s="160"/>
      <c r="O8" s="140"/>
    </row>
    <row r="9" spans="1:15" ht="22.5" customHeight="1">
      <c r="A9" s="106">
        <v>3</v>
      </c>
      <c r="B9" s="139" t="s">
        <v>106</v>
      </c>
      <c r="C9" s="139" t="s">
        <v>106</v>
      </c>
      <c r="D9" s="139"/>
      <c r="E9" s="139" t="s">
        <v>106</v>
      </c>
      <c r="F9" s="139" t="s">
        <v>107</v>
      </c>
      <c r="G9" s="139" t="s">
        <v>107</v>
      </c>
      <c r="H9" s="139"/>
      <c r="I9" s="139"/>
      <c r="J9" s="159" t="s">
        <v>108</v>
      </c>
      <c r="K9" s="139"/>
      <c r="L9" s="139" t="s">
        <v>121</v>
      </c>
      <c r="M9" s="139"/>
      <c r="N9" s="159" t="s">
        <v>120</v>
      </c>
      <c r="O9" s="139"/>
    </row>
    <row r="10" spans="1:15" ht="22.5" customHeight="1">
      <c r="A10" s="140"/>
      <c r="B10" s="140"/>
      <c r="C10" s="140"/>
      <c r="D10" s="140"/>
      <c r="E10" s="140"/>
      <c r="F10" s="140"/>
      <c r="G10" s="140"/>
      <c r="H10" s="140"/>
      <c r="I10" s="140"/>
      <c r="J10" s="160"/>
      <c r="K10" s="140"/>
      <c r="L10" s="140"/>
      <c r="M10" s="140"/>
      <c r="N10" s="160"/>
      <c r="O10" s="140"/>
    </row>
    <row r="11" spans="1:15" ht="22.5" customHeight="1">
      <c r="A11" s="106">
        <v>4</v>
      </c>
      <c r="B11" s="139" t="s">
        <v>106</v>
      </c>
      <c r="C11" s="139" t="s">
        <v>106</v>
      </c>
      <c r="D11" s="139"/>
      <c r="E11" s="139" t="s">
        <v>106</v>
      </c>
      <c r="F11" s="139" t="s">
        <v>107</v>
      </c>
      <c r="G11" s="139" t="s">
        <v>107</v>
      </c>
      <c r="H11" s="139"/>
      <c r="I11" s="139"/>
      <c r="J11" s="159" t="s">
        <v>108</v>
      </c>
      <c r="K11" s="139"/>
      <c r="L11" s="139" t="s">
        <v>121</v>
      </c>
      <c r="M11" s="139"/>
      <c r="N11" s="159" t="s">
        <v>120</v>
      </c>
      <c r="O11" s="139"/>
    </row>
    <row r="12" spans="1:15" ht="22.5" customHeight="1">
      <c r="A12" s="140"/>
      <c r="B12" s="140"/>
      <c r="C12" s="140"/>
      <c r="D12" s="140"/>
      <c r="E12" s="140"/>
      <c r="F12" s="140"/>
      <c r="G12" s="140"/>
      <c r="H12" s="140"/>
      <c r="I12" s="140"/>
      <c r="J12" s="160"/>
      <c r="K12" s="140"/>
      <c r="L12" s="140"/>
      <c r="M12" s="140"/>
      <c r="N12" s="160"/>
      <c r="O12" s="140"/>
    </row>
    <row r="13" spans="1:15" ht="22.5" customHeight="1">
      <c r="A13" s="106">
        <v>5</v>
      </c>
      <c r="B13" s="139" t="s">
        <v>106</v>
      </c>
      <c r="C13" s="139" t="s">
        <v>106</v>
      </c>
      <c r="D13" s="139"/>
      <c r="E13" s="139" t="s">
        <v>106</v>
      </c>
      <c r="F13" s="139" t="s">
        <v>107</v>
      </c>
      <c r="G13" s="139" t="s">
        <v>107</v>
      </c>
      <c r="H13" s="139"/>
      <c r="I13" s="139"/>
      <c r="J13" s="159" t="s">
        <v>108</v>
      </c>
      <c r="K13" s="139"/>
      <c r="L13" s="139" t="s">
        <v>121</v>
      </c>
      <c r="M13" s="139"/>
      <c r="N13" s="159" t="s">
        <v>120</v>
      </c>
      <c r="O13" s="139"/>
    </row>
    <row r="14" spans="1:15" ht="22.5" customHeight="1">
      <c r="A14" s="140"/>
      <c r="B14" s="140"/>
      <c r="C14" s="140"/>
      <c r="D14" s="140"/>
      <c r="E14" s="140"/>
      <c r="F14" s="140"/>
      <c r="G14" s="140"/>
      <c r="H14" s="140"/>
      <c r="I14" s="140"/>
      <c r="J14" s="160"/>
      <c r="K14" s="140"/>
      <c r="L14" s="140"/>
      <c r="M14" s="140"/>
      <c r="N14" s="160"/>
      <c r="O14" s="140"/>
    </row>
    <row r="15" spans="1:15" ht="22.5" customHeight="1">
      <c r="A15" s="114">
        <v>6</v>
      </c>
      <c r="B15" s="139" t="s">
        <v>106</v>
      </c>
      <c r="C15" s="139" t="s">
        <v>106</v>
      </c>
      <c r="D15" s="139"/>
      <c r="E15" s="139" t="s">
        <v>106</v>
      </c>
      <c r="F15" s="139" t="s">
        <v>107</v>
      </c>
      <c r="G15" s="139" t="s">
        <v>107</v>
      </c>
      <c r="H15" s="139"/>
      <c r="I15" s="139"/>
      <c r="J15" s="159" t="s">
        <v>108</v>
      </c>
      <c r="K15" s="139"/>
      <c r="L15" s="139" t="s">
        <v>121</v>
      </c>
      <c r="M15" s="139"/>
      <c r="N15" s="159" t="s">
        <v>120</v>
      </c>
      <c r="O15" s="139"/>
    </row>
    <row r="16" spans="1:15" ht="22.5" customHeight="1">
      <c r="A16" s="134"/>
      <c r="B16" s="140"/>
      <c r="C16" s="140"/>
      <c r="D16" s="140"/>
      <c r="E16" s="140"/>
      <c r="F16" s="140"/>
      <c r="G16" s="140"/>
      <c r="H16" s="140"/>
      <c r="I16" s="140"/>
      <c r="J16" s="160"/>
      <c r="K16" s="140"/>
      <c r="L16" s="140"/>
      <c r="M16" s="140"/>
      <c r="N16" s="160"/>
      <c r="O16" s="140"/>
    </row>
    <row r="17" spans="1:15" ht="22.5" customHeight="1">
      <c r="A17" s="117">
        <v>7</v>
      </c>
      <c r="B17" s="139" t="s">
        <v>106</v>
      </c>
      <c r="C17" s="139" t="s">
        <v>106</v>
      </c>
      <c r="D17" s="139"/>
      <c r="E17" s="139" t="s">
        <v>106</v>
      </c>
      <c r="F17" s="139" t="s">
        <v>107</v>
      </c>
      <c r="G17" s="139" t="s">
        <v>107</v>
      </c>
      <c r="H17" s="139"/>
      <c r="I17" s="139"/>
      <c r="J17" s="159" t="s">
        <v>108</v>
      </c>
      <c r="K17" s="139"/>
      <c r="L17" s="139" t="s">
        <v>121</v>
      </c>
      <c r="M17" s="139"/>
      <c r="N17" s="159" t="s">
        <v>120</v>
      </c>
      <c r="O17" s="139"/>
    </row>
    <row r="18" spans="1:15" ht="22.5" customHeight="1">
      <c r="A18" s="117"/>
      <c r="B18" s="140"/>
      <c r="C18" s="140"/>
      <c r="D18" s="140"/>
      <c r="E18" s="140"/>
      <c r="F18" s="140"/>
      <c r="G18" s="140"/>
      <c r="H18" s="140"/>
      <c r="I18" s="140"/>
      <c r="J18" s="160"/>
      <c r="K18" s="140"/>
      <c r="L18" s="140"/>
      <c r="M18" s="140"/>
      <c r="N18" s="160"/>
      <c r="O18" s="140"/>
    </row>
    <row r="19" spans="1:15" ht="22.5" customHeight="1">
      <c r="A19" s="114">
        <v>8</v>
      </c>
      <c r="B19" s="139" t="s">
        <v>106</v>
      </c>
      <c r="C19" s="139" t="s">
        <v>106</v>
      </c>
      <c r="D19" s="139"/>
      <c r="E19" s="139" t="s">
        <v>106</v>
      </c>
      <c r="F19" s="139" t="s">
        <v>107</v>
      </c>
      <c r="G19" s="139" t="s">
        <v>107</v>
      </c>
      <c r="H19" s="139"/>
      <c r="I19" s="139"/>
      <c r="J19" s="159" t="s">
        <v>108</v>
      </c>
      <c r="K19" s="139"/>
      <c r="L19" s="139" t="s">
        <v>121</v>
      </c>
      <c r="M19" s="139"/>
      <c r="N19" s="159" t="s">
        <v>120</v>
      </c>
      <c r="O19" s="139"/>
    </row>
    <row r="20" spans="1:15" ht="22.5" customHeight="1">
      <c r="A20" s="134"/>
      <c r="B20" s="140"/>
      <c r="C20" s="140"/>
      <c r="D20" s="140"/>
      <c r="E20" s="140"/>
      <c r="F20" s="140"/>
      <c r="G20" s="140"/>
      <c r="H20" s="140"/>
      <c r="I20" s="140"/>
      <c r="J20" s="160"/>
      <c r="K20" s="140"/>
      <c r="L20" s="140"/>
      <c r="M20" s="140"/>
      <c r="N20" s="160"/>
      <c r="O20" s="140"/>
    </row>
    <row r="21" spans="1:15" ht="22.5" customHeight="1">
      <c r="A21" s="106">
        <v>9</v>
      </c>
      <c r="B21" s="139" t="s">
        <v>106</v>
      </c>
      <c r="C21" s="139" t="s">
        <v>106</v>
      </c>
      <c r="D21" s="139"/>
      <c r="E21" s="139" t="s">
        <v>106</v>
      </c>
      <c r="F21" s="139" t="s">
        <v>107</v>
      </c>
      <c r="G21" s="139" t="s">
        <v>107</v>
      </c>
      <c r="H21" s="139"/>
      <c r="I21" s="139"/>
      <c r="J21" s="159" t="s">
        <v>108</v>
      </c>
      <c r="K21" s="139"/>
      <c r="L21" s="139" t="s">
        <v>121</v>
      </c>
      <c r="M21" s="139"/>
      <c r="N21" s="159" t="s">
        <v>120</v>
      </c>
      <c r="O21" s="139"/>
    </row>
    <row r="22" spans="1:15" ht="22.5" customHeight="1">
      <c r="A22" s="140"/>
      <c r="B22" s="140"/>
      <c r="C22" s="140"/>
      <c r="D22" s="140"/>
      <c r="E22" s="140"/>
      <c r="F22" s="140"/>
      <c r="G22" s="140"/>
      <c r="H22" s="140"/>
      <c r="I22" s="140"/>
      <c r="J22" s="160"/>
      <c r="K22" s="140"/>
      <c r="L22" s="140"/>
      <c r="M22" s="140"/>
      <c r="N22" s="160"/>
      <c r="O22" s="140"/>
    </row>
    <row r="23" spans="1:15" ht="22.5" customHeight="1">
      <c r="A23" s="117">
        <v>10</v>
      </c>
      <c r="B23" s="139" t="s">
        <v>106</v>
      </c>
      <c r="C23" s="139" t="s">
        <v>106</v>
      </c>
      <c r="D23" s="139"/>
      <c r="E23" s="139" t="s">
        <v>106</v>
      </c>
      <c r="F23" s="139" t="s">
        <v>107</v>
      </c>
      <c r="G23" s="139" t="s">
        <v>107</v>
      </c>
      <c r="H23" s="139"/>
      <c r="I23" s="139"/>
      <c r="J23" s="159" t="s">
        <v>108</v>
      </c>
      <c r="K23" s="139"/>
      <c r="L23" s="139" t="s">
        <v>121</v>
      </c>
      <c r="M23" s="139"/>
      <c r="N23" s="159" t="s">
        <v>120</v>
      </c>
      <c r="O23" s="139"/>
    </row>
    <row r="24" spans="1:15" ht="22.5" customHeight="1">
      <c r="A24" s="134"/>
      <c r="B24" s="140"/>
      <c r="C24" s="140"/>
      <c r="D24" s="140"/>
      <c r="E24" s="140"/>
      <c r="F24" s="140"/>
      <c r="G24" s="140"/>
      <c r="H24" s="140"/>
      <c r="I24" s="140"/>
      <c r="J24" s="160"/>
      <c r="K24" s="140"/>
      <c r="L24" s="140"/>
      <c r="M24" s="140"/>
      <c r="N24" s="160"/>
      <c r="O24" s="140"/>
    </row>
    <row r="25" spans="1:15" ht="21" customHeight="1">
      <c r="B25" t="s">
        <v>122</v>
      </c>
    </row>
    <row r="26" spans="1:15" ht="21" customHeight="1">
      <c r="B26" t="s">
        <v>110</v>
      </c>
    </row>
    <row r="27" spans="1:15" ht="21" customHeight="1">
      <c r="B27" t="s">
        <v>184</v>
      </c>
    </row>
    <row r="28" spans="1:15" ht="21" customHeight="1">
      <c r="B28" t="s">
        <v>124</v>
      </c>
    </row>
    <row r="29" spans="1:15" ht="21" customHeight="1">
      <c r="B29" t="s">
        <v>123</v>
      </c>
    </row>
  </sheetData>
  <mergeCells count="163">
    <mergeCell ref="O23:O24"/>
    <mergeCell ref="N23:N24"/>
    <mergeCell ref="M23:M24"/>
    <mergeCell ref="L23:L24"/>
    <mergeCell ref="A23:A24"/>
    <mergeCell ref="B23:B24"/>
    <mergeCell ref="C23:C24"/>
    <mergeCell ref="D23:D24"/>
    <mergeCell ref="E23:E24"/>
    <mergeCell ref="F23:F24"/>
    <mergeCell ref="G23:G24"/>
    <mergeCell ref="H23:H24"/>
    <mergeCell ref="I23:I24"/>
    <mergeCell ref="J23:J24"/>
    <mergeCell ref="K23:K24"/>
    <mergeCell ref="O21:O22"/>
    <mergeCell ref="N21:N22"/>
    <mergeCell ref="M21:M22"/>
    <mergeCell ref="L21:L22"/>
    <mergeCell ref="A21:A22"/>
    <mergeCell ref="B21:B22"/>
    <mergeCell ref="C21:C22"/>
    <mergeCell ref="D21:D22"/>
    <mergeCell ref="E21:E22"/>
    <mergeCell ref="F21:F22"/>
    <mergeCell ref="G21:G22"/>
    <mergeCell ref="H21:H22"/>
    <mergeCell ref="I21:I22"/>
    <mergeCell ref="J21:J22"/>
    <mergeCell ref="K21:K22"/>
    <mergeCell ref="A17:A18"/>
    <mergeCell ref="B17:B18"/>
    <mergeCell ref="C17:C18"/>
    <mergeCell ref="D17:D18"/>
    <mergeCell ref="E17:E18"/>
    <mergeCell ref="F17:F18"/>
    <mergeCell ref="O19:O20"/>
    <mergeCell ref="N19:N20"/>
    <mergeCell ref="M19:M20"/>
    <mergeCell ref="L19:L20"/>
    <mergeCell ref="A19:A20"/>
    <mergeCell ref="B19:B20"/>
    <mergeCell ref="C19:C20"/>
    <mergeCell ref="D19:D20"/>
    <mergeCell ref="E19:E20"/>
    <mergeCell ref="F19:F20"/>
    <mergeCell ref="G19:G20"/>
    <mergeCell ref="H19:H20"/>
    <mergeCell ref="I19:I20"/>
    <mergeCell ref="J19:J20"/>
    <mergeCell ref="K19:K20"/>
    <mergeCell ref="G17:G18"/>
    <mergeCell ref="H17:H18"/>
    <mergeCell ref="I17:I18"/>
    <mergeCell ref="J15:J16"/>
    <mergeCell ref="K15:K16"/>
    <mergeCell ref="O15:O16"/>
    <mergeCell ref="N15:N16"/>
    <mergeCell ref="M15:M16"/>
    <mergeCell ref="L15:L16"/>
    <mergeCell ref="J17:J18"/>
    <mergeCell ref="K17:K18"/>
    <mergeCell ref="O17:O18"/>
    <mergeCell ref="N17:N18"/>
    <mergeCell ref="M17:M18"/>
    <mergeCell ref="L17:L18"/>
    <mergeCell ref="A15:A16"/>
    <mergeCell ref="B15:B16"/>
    <mergeCell ref="C15:C16"/>
    <mergeCell ref="D15:D16"/>
    <mergeCell ref="E15:E16"/>
    <mergeCell ref="F15:F16"/>
    <mergeCell ref="G13:G14"/>
    <mergeCell ref="H13:H14"/>
    <mergeCell ref="I13:I14"/>
    <mergeCell ref="G15:G16"/>
    <mergeCell ref="H15:H16"/>
    <mergeCell ref="I15:I16"/>
    <mergeCell ref="J13:J14"/>
    <mergeCell ref="K13:K14"/>
    <mergeCell ref="O13:O14"/>
    <mergeCell ref="A13:A14"/>
    <mergeCell ref="B13:B14"/>
    <mergeCell ref="C13:C14"/>
    <mergeCell ref="D13:D14"/>
    <mergeCell ref="E13:E14"/>
    <mergeCell ref="F13:F14"/>
    <mergeCell ref="N13:N14"/>
    <mergeCell ref="L13:L14"/>
    <mergeCell ref="M13:M14"/>
    <mergeCell ref="G11:G12"/>
    <mergeCell ref="H11:H12"/>
    <mergeCell ref="I11:I12"/>
    <mergeCell ref="J11:J12"/>
    <mergeCell ref="K11:K12"/>
    <mergeCell ref="O11:O12"/>
    <mergeCell ref="A11:A12"/>
    <mergeCell ref="B11:B12"/>
    <mergeCell ref="C11:C12"/>
    <mergeCell ref="D11:D12"/>
    <mergeCell ref="E11:E12"/>
    <mergeCell ref="F11:F12"/>
    <mergeCell ref="N11:N12"/>
    <mergeCell ref="L11:L12"/>
    <mergeCell ref="M11:M12"/>
    <mergeCell ref="G9:G10"/>
    <mergeCell ref="H9:H10"/>
    <mergeCell ref="I9:I10"/>
    <mergeCell ref="J9:J10"/>
    <mergeCell ref="K9:K10"/>
    <mergeCell ref="O9:O10"/>
    <mergeCell ref="A9:A10"/>
    <mergeCell ref="B9:B10"/>
    <mergeCell ref="C9:C10"/>
    <mergeCell ref="D9:D10"/>
    <mergeCell ref="E9:E10"/>
    <mergeCell ref="F9:F10"/>
    <mergeCell ref="N9:N10"/>
    <mergeCell ref="L9:L10"/>
    <mergeCell ref="M9:M10"/>
    <mergeCell ref="G7:G8"/>
    <mergeCell ref="H7:H8"/>
    <mergeCell ref="I7:I8"/>
    <mergeCell ref="J7:J8"/>
    <mergeCell ref="K7:K8"/>
    <mergeCell ref="O7:O8"/>
    <mergeCell ref="A7:A8"/>
    <mergeCell ref="B7:B8"/>
    <mergeCell ref="C7:C8"/>
    <mergeCell ref="D7:D8"/>
    <mergeCell ref="E7:E8"/>
    <mergeCell ref="F7:F8"/>
    <mergeCell ref="N7:N8"/>
    <mergeCell ref="L7:L8"/>
    <mergeCell ref="M7:M8"/>
    <mergeCell ref="G5:G6"/>
    <mergeCell ref="H5:H6"/>
    <mergeCell ref="I5:I6"/>
    <mergeCell ref="J5:J6"/>
    <mergeCell ref="K5:K6"/>
    <mergeCell ref="O5:O6"/>
    <mergeCell ref="I3:I4"/>
    <mergeCell ref="J3:J4"/>
    <mergeCell ref="K3:K4"/>
    <mergeCell ref="O3:O4"/>
    <mergeCell ref="G3:G4"/>
    <mergeCell ref="H3:H4"/>
    <mergeCell ref="N3:N4"/>
    <mergeCell ref="N5:N6"/>
    <mergeCell ref="L3:L4"/>
    <mergeCell ref="L5:L6"/>
    <mergeCell ref="M3:M4"/>
    <mergeCell ref="M5:M6"/>
    <mergeCell ref="A5:A6"/>
    <mergeCell ref="B5:B6"/>
    <mergeCell ref="C5:C6"/>
    <mergeCell ref="D5:D6"/>
    <mergeCell ref="E5:E6"/>
    <mergeCell ref="F5:F6"/>
    <mergeCell ref="B3:B4"/>
    <mergeCell ref="C3:C4"/>
    <mergeCell ref="D3:E3"/>
    <mergeCell ref="F3:F4"/>
  </mergeCells>
  <phoneticPr fontId="1"/>
  <pageMargins left="0.70866141732283472" right="0.70866141732283472" top="0.74803149606299213" bottom="0.74803149606299213" header="0.31496062992125984" footer="0.31496062992125984"/>
  <pageSetup paperSize="9" scale="72" orientation="landscape" verticalDpi="0" r:id="rId1"/>
  <headerFooter>
    <oddFooter>&amp;C－６－</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H28"/>
  <sheetViews>
    <sheetView view="pageBreakPreview" zoomScaleNormal="100" zoomScaleSheetLayoutView="100" workbookViewId="0">
      <selection activeCell="D25" sqref="D25"/>
    </sheetView>
  </sheetViews>
  <sheetFormatPr defaultRowHeight="14.4"/>
  <cols>
    <col min="2" max="8" width="17.19921875" customWidth="1"/>
  </cols>
  <sheetData>
    <row r="2" spans="1:8">
      <c r="A2" t="s">
        <v>125</v>
      </c>
    </row>
    <row r="3" spans="1:8" ht="52.5" customHeight="1">
      <c r="A3" s="2"/>
      <c r="B3" s="14" t="s">
        <v>127</v>
      </c>
      <c r="C3" s="13" t="s">
        <v>128</v>
      </c>
      <c r="D3" s="23" t="s">
        <v>129</v>
      </c>
      <c r="E3" s="23" t="s">
        <v>130</v>
      </c>
      <c r="F3" s="23" t="s">
        <v>131</v>
      </c>
      <c r="G3" s="23" t="s">
        <v>132</v>
      </c>
      <c r="H3" s="13" t="s">
        <v>133</v>
      </c>
    </row>
    <row r="4" spans="1:8" ht="87.75" customHeight="1">
      <c r="A4" s="24" t="s">
        <v>126</v>
      </c>
      <c r="B4" s="6"/>
      <c r="C4" s="25"/>
      <c r="D4" s="25"/>
      <c r="E4" s="25"/>
      <c r="F4" s="25"/>
      <c r="G4" s="25"/>
      <c r="H4" s="25"/>
    </row>
    <row r="6" spans="1:8">
      <c r="A6" t="s">
        <v>134</v>
      </c>
    </row>
    <row r="7" spans="1:8">
      <c r="B7" t="s">
        <v>135</v>
      </c>
      <c r="C7" t="s">
        <v>136</v>
      </c>
    </row>
    <row r="9" spans="1:8">
      <c r="A9" t="s">
        <v>137</v>
      </c>
    </row>
    <row r="10" spans="1:8">
      <c r="B10" t="s">
        <v>138</v>
      </c>
    </row>
    <row r="12" spans="1:8">
      <c r="A12" t="s">
        <v>139</v>
      </c>
    </row>
    <row r="13" spans="1:8">
      <c r="B13" t="s">
        <v>140</v>
      </c>
    </row>
    <row r="16" spans="1:8">
      <c r="A16" t="s">
        <v>141</v>
      </c>
    </row>
    <row r="17" spans="1:4">
      <c r="A17" s="26" t="s">
        <v>175</v>
      </c>
      <c r="B17" s="26"/>
    </row>
    <row r="18" spans="1:4">
      <c r="B18" t="s">
        <v>142</v>
      </c>
      <c r="C18" t="s">
        <v>143</v>
      </c>
    </row>
    <row r="20" spans="1:4">
      <c r="A20" t="s">
        <v>144</v>
      </c>
    </row>
    <row r="21" spans="1:4">
      <c r="B21" t="s">
        <v>142</v>
      </c>
      <c r="C21" t="s">
        <v>143</v>
      </c>
      <c r="D21" t="s">
        <v>145</v>
      </c>
    </row>
    <row r="23" spans="1:4">
      <c r="A23" t="s">
        <v>146</v>
      </c>
    </row>
    <row r="28" spans="1:4">
      <c r="A28" t="s">
        <v>147</v>
      </c>
    </row>
  </sheetData>
  <phoneticPr fontId="1"/>
  <pageMargins left="0.70866141732283472" right="0.70866141732283472" top="0.74803149606299213" bottom="0.74803149606299213" header="0.31496062992125984" footer="0.31496062992125984"/>
  <pageSetup paperSize="9" scale="90" orientation="landscape" verticalDpi="0" r:id="rId1"/>
  <headerFooter>
    <oddFooter>&amp;C－７－</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D29"/>
  <sheetViews>
    <sheetView view="pageBreakPreview" zoomScaleNormal="100" zoomScaleSheetLayoutView="100" workbookViewId="0">
      <selection activeCell="A25" sqref="A25"/>
    </sheetView>
  </sheetViews>
  <sheetFormatPr defaultRowHeight="14.4"/>
  <cols>
    <col min="2" max="8" width="17.19921875" customWidth="1"/>
  </cols>
  <sheetData>
    <row r="2" spans="1:1">
      <c r="A2" t="s">
        <v>148</v>
      </c>
    </row>
    <row r="4" spans="1:1">
      <c r="A4" t="s">
        <v>149</v>
      </c>
    </row>
    <row r="8" spans="1:1">
      <c r="A8" t="s">
        <v>150</v>
      </c>
    </row>
    <row r="12" spans="1:1">
      <c r="A12" t="s">
        <v>151</v>
      </c>
    </row>
    <row r="15" spans="1:1">
      <c r="A15" t="s">
        <v>152</v>
      </c>
    </row>
    <row r="18" spans="1:4">
      <c r="A18" t="s">
        <v>153</v>
      </c>
    </row>
    <row r="19" spans="1:4">
      <c r="B19" t="s">
        <v>154</v>
      </c>
      <c r="D19" t="s">
        <v>155</v>
      </c>
    </row>
    <row r="22" spans="1:4">
      <c r="A22" t="s">
        <v>156</v>
      </c>
    </row>
    <row r="23" spans="1:4">
      <c r="A23" t="s">
        <v>157</v>
      </c>
    </row>
    <row r="24" spans="1:4">
      <c r="A24" t="s">
        <v>158</v>
      </c>
    </row>
    <row r="28" spans="1:4">
      <c r="A28" t="s">
        <v>159</v>
      </c>
    </row>
    <row r="29" spans="1:4">
      <c r="B29" t="s">
        <v>160</v>
      </c>
      <c r="C29" t="s">
        <v>161</v>
      </c>
    </row>
  </sheetData>
  <phoneticPr fontId="1"/>
  <pageMargins left="0.70866141732283472" right="0.70866141732283472" top="0.74803149606299213" bottom="0.74803149606299213" header="0.31496062992125984" footer="0.31496062992125984"/>
  <pageSetup paperSize="9" scale="90" orientation="landscape" verticalDpi="0" r:id="rId1"/>
  <headerFooter>
    <oddFooter>&amp;C－８－</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3</vt:i4>
      </vt:variant>
    </vt:vector>
  </HeadingPairs>
  <TitlesOfParts>
    <vt:vector size="12" baseType="lpstr">
      <vt:lpstr>表紙</vt:lpstr>
      <vt:lpstr>ページ１</vt:lpstr>
      <vt:lpstr>ページ２</vt:lpstr>
      <vt:lpstr>ページ３</vt:lpstr>
      <vt:lpstr>ページ４</vt:lpstr>
      <vt:lpstr>ページ５</vt:lpstr>
      <vt:lpstr>ページ６</vt:lpstr>
      <vt:lpstr>ページ７</vt:lpstr>
      <vt:lpstr>ページ８</vt:lpstr>
      <vt:lpstr>ページ２!Print_Area</vt:lpstr>
      <vt:lpstr>ページ７!Print_Area</vt:lpstr>
      <vt:lpstr>表紙!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14-01-23T02:37:35Z</cp:lastPrinted>
  <dcterms:created xsi:type="dcterms:W3CDTF">2013-08-22T02:05:20Z</dcterms:created>
  <dcterms:modified xsi:type="dcterms:W3CDTF">2023-11-22T01:09:43Z</dcterms:modified>
</cp:coreProperties>
</file>